
<file path=[Content_Types].xml><?xml version="1.0" encoding="utf-8"?>
<Types xmlns="http://schemas.openxmlformats.org/package/2006/content-types">
  <Default Extension="xml" ContentType="application/xml"/>
  <Default Extension="jpeg" ContentType="image/jpeg"/>
  <Default Extension="JPG" ContentType="image/.jpg"/>
  <Default Extension="png" ContentType="image/png"/>
  <Default Extension="rels" ContentType="application/vnd.openxmlformats-package.relationships+xml"/>
  <Override PartName="/customXml/itemProps1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commentAuthors.xml" ContentType="application/vnd.openxmlformats-officedocument.presentationml.commentAuthors+xml"/>
  <Override PartName="/ppt/handoutMasters/handoutMaster1.xml" ContentType="application/vnd.openxmlformats-officedocument.presentationml.handoutMaster+xml"/>
  <Override PartName="/ppt/notesMasters/notesMaster1.xml" ContentType="application/vnd.openxmlformats-officedocument.presentationml.notesMaster+xml"/>
  <Override PartName="/ppt/notesSlides/notesSlide1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80.xml" ContentType="application/vnd.openxmlformats-officedocument.presentationml.slideLayout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slideLayouts/slideLayout188.xml" ContentType="application/vnd.openxmlformats-officedocument.presentationml.slideLayout+xml"/>
  <Override PartName="/ppt/slideLayouts/slideLayout189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190.xml" ContentType="application/vnd.openxmlformats-officedocument.presentationml.slideLayout+xml"/>
  <Override PartName="/ppt/slideLayouts/slideLayout191.xml" ContentType="application/vnd.openxmlformats-officedocument.presentationml.slideLayout+xml"/>
  <Override PartName="/ppt/slideLayouts/slideLayout192.xml" ContentType="application/vnd.openxmlformats-officedocument.presentationml.slideLayout+xml"/>
  <Override PartName="/ppt/slideLayouts/slideLayout193.xml" ContentType="application/vnd.openxmlformats-officedocument.presentationml.slideLayout+xml"/>
  <Override PartName="/ppt/slideLayouts/slideLayout194.xml" ContentType="application/vnd.openxmlformats-officedocument.presentationml.slideLayout+xml"/>
  <Override PartName="/ppt/slideLayouts/slideLayout195.xml" ContentType="application/vnd.openxmlformats-officedocument.presentationml.slideLayout+xml"/>
  <Override PartName="/ppt/slideLayouts/slideLayout196.xml" ContentType="application/vnd.openxmlformats-officedocument.presentationml.slideLayout+xml"/>
  <Override PartName="/ppt/slideLayouts/slideLayout197.xml" ContentType="application/vnd.openxmlformats-officedocument.presentationml.slideLayout+xml"/>
  <Override PartName="/ppt/slideLayouts/slideLayout198.xml" ContentType="application/vnd.openxmlformats-officedocument.presentationml.slideLayout+xml"/>
  <Override PartName="/ppt/slideLayouts/slideLayout19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00.xml" ContentType="application/vnd.openxmlformats-officedocument.presentationml.slideLayout+xml"/>
  <Override PartName="/ppt/slideLayouts/slideLayout201.xml" ContentType="application/vnd.openxmlformats-officedocument.presentationml.slideLayout+xml"/>
  <Override PartName="/ppt/slideLayouts/slideLayout202.xml" ContentType="application/vnd.openxmlformats-officedocument.presentationml.slideLayout+xml"/>
  <Override PartName="/ppt/slideLayouts/slideLayout203.xml" ContentType="application/vnd.openxmlformats-officedocument.presentationml.slideLayout+xml"/>
  <Override PartName="/ppt/slideLayouts/slideLayout204.xml" ContentType="application/vnd.openxmlformats-officedocument.presentationml.slideLayout+xml"/>
  <Override PartName="/ppt/slideLayouts/slideLayout205.xml" ContentType="application/vnd.openxmlformats-officedocument.presentationml.slideLayout+xml"/>
  <Override PartName="/ppt/slideLayouts/slideLayout206.xml" ContentType="application/vnd.openxmlformats-officedocument.presentationml.slideLayout+xml"/>
  <Override PartName="/ppt/slideLayouts/slideLayout207.xml" ContentType="application/vnd.openxmlformats-officedocument.presentationml.slideLayout+xml"/>
  <Override PartName="/ppt/slideLayouts/slideLayout208.xml" ContentType="application/vnd.openxmlformats-officedocument.presentationml.slideLayout+xml"/>
  <Override PartName="/ppt/slideLayouts/slideLayout209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10.xml" ContentType="application/vnd.openxmlformats-officedocument.presentationml.slideLayout+xml"/>
  <Override PartName="/ppt/slideLayouts/slideLayout211.xml" ContentType="application/vnd.openxmlformats-officedocument.presentationml.slideLayout+xml"/>
  <Override PartName="/ppt/slideLayouts/slideLayout212.xml" ContentType="application/vnd.openxmlformats-officedocument.presentationml.slideLayout+xml"/>
  <Override PartName="/ppt/slideLayouts/slideLayout213.xml" ContentType="application/vnd.openxmlformats-officedocument.presentationml.slideLayout+xml"/>
  <Override PartName="/ppt/slideLayouts/slideLayout214.xml" ContentType="application/vnd.openxmlformats-officedocument.presentationml.slideLayout+xml"/>
  <Override PartName="/ppt/slideLayouts/slideLayout215.xml" ContentType="application/vnd.openxmlformats-officedocument.presentationml.slideLayout+xml"/>
  <Override PartName="/ppt/slideLayouts/slideLayout216.xml" ContentType="application/vnd.openxmlformats-officedocument.presentationml.slideLayout+xml"/>
  <Override PartName="/ppt/slideLayouts/slideLayout217.xml" ContentType="application/vnd.openxmlformats-officedocument.presentationml.slideLayout+xml"/>
  <Override PartName="/ppt/slideLayouts/slideLayout218.xml" ContentType="application/vnd.openxmlformats-officedocument.presentationml.slideLayout+xml"/>
  <Override PartName="/ppt/slideLayouts/slideLayout219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20.xml" ContentType="application/vnd.openxmlformats-officedocument.presentationml.slideLayout+xml"/>
  <Override PartName="/ppt/slideLayouts/slideLayout221.xml" ContentType="application/vnd.openxmlformats-officedocument.presentationml.slideLayout+xml"/>
  <Override PartName="/ppt/slideLayouts/slideLayout222.xml" ContentType="application/vnd.openxmlformats-officedocument.presentationml.slideLayout+xml"/>
  <Override PartName="/ppt/slideLayouts/slideLayout223.xml" ContentType="application/vnd.openxmlformats-officedocument.presentationml.slideLayout+xml"/>
  <Override PartName="/ppt/slideLayouts/slideLayout224.xml" ContentType="application/vnd.openxmlformats-officedocument.presentationml.slideLayout+xml"/>
  <Override PartName="/ppt/slideLayouts/slideLayout225.xml" ContentType="application/vnd.openxmlformats-officedocument.presentationml.slideLayout+xml"/>
  <Override PartName="/ppt/slideLayouts/slideLayout226.xml" ContentType="application/vnd.openxmlformats-officedocument.presentationml.slideLayout+xml"/>
  <Override PartName="/ppt/slideLayouts/slideLayout227.xml" ContentType="application/vnd.openxmlformats-officedocument.presentationml.slideLayout+xml"/>
  <Override PartName="/ppt/slideLayouts/slideLayout228.xml" ContentType="application/vnd.openxmlformats-officedocument.presentationml.slideLayout+xml"/>
  <Override PartName="/ppt/slideLayouts/slideLayout229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30.xml" ContentType="application/vnd.openxmlformats-officedocument.presentationml.slideLayout+xml"/>
  <Override PartName="/ppt/slideLayouts/slideLayout231.xml" ContentType="application/vnd.openxmlformats-officedocument.presentationml.slideLayout+xml"/>
  <Override PartName="/ppt/slideLayouts/slideLayout232.xml" ContentType="application/vnd.openxmlformats-officedocument.presentationml.slideLayout+xml"/>
  <Override PartName="/ppt/slideLayouts/slideLayout233.xml" ContentType="application/vnd.openxmlformats-officedocument.presentationml.slideLayout+xml"/>
  <Override PartName="/ppt/slideLayouts/slideLayout234.xml" ContentType="application/vnd.openxmlformats-officedocument.presentationml.slideLayout+xml"/>
  <Override PartName="/ppt/slideLayouts/slideLayout235.xml" ContentType="application/vnd.openxmlformats-officedocument.presentationml.slideLayout+xml"/>
  <Override PartName="/ppt/slideLayouts/slideLayout236.xml" ContentType="application/vnd.openxmlformats-officedocument.presentationml.slideLayout+xml"/>
  <Override PartName="/ppt/slideLayouts/slideLayout237.xml" ContentType="application/vnd.openxmlformats-officedocument.presentationml.slideLayout+xml"/>
  <Override PartName="/ppt/slideLayouts/slideLayout238.xml" ContentType="application/vnd.openxmlformats-officedocument.presentationml.slideLayout+xml"/>
  <Override PartName="/ppt/slideLayouts/slideLayout239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40.xml" ContentType="application/vnd.openxmlformats-officedocument.presentationml.slideLayout+xml"/>
  <Override PartName="/ppt/slideLayouts/slideLayout241.xml" ContentType="application/vnd.openxmlformats-officedocument.presentationml.slideLayout+xml"/>
  <Override PartName="/ppt/slideLayouts/slideLayout242.xml" ContentType="application/vnd.openxmlformats-officedocument.presentationml.slideLayout+xml"/>
  <Override PartName="/ppt/slideLayouts/slideLayout243.xml" ContentType="application/vnd.openxmlformats-officedocument.presentationml.slideLayout+xml"/>
  <Override PartName="/ppt/slideLayouts/slideLayout244.xml" ContentType="application/vnd.openxmlformats-officedocument.presentationml.slideLayout+xml"/>
  <Override PartName="/ppt/slideLayouts/slideLayout245.xml" ContentType="application/vnd.openxmlformats-officedocument.presentationml.slideLayout+xml"/>
  <Override PartName="/ppt/slideLayouts/slideLayout246.xml" ContentType="application/vnd.openxmlformats-officedocument.presentationml.slideLayout+xml"/>
  <Override PartName="/ppt/slideLayouts/slideLayout247.xml" ContentType="application/vnd.openxmlformats-officedocument.presentationml.slideLayout+xml"/>
  <Override PartName="/ppt/slideLayouts/slideLayout248.xml" ContentType="application/vnd.openxmlformats-officedocument.presentationml.slideLayout+xml"/>
  <Override PartName="/ppt/slideLayouts/slideLayout249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50.xml" ContentType="application/vnd.openxmlformats-officedocument.presentationml.slideLayout+xml"/>
  <Override PartName="/ppt/slideLayouts/slideLayout251.xml" ContentType="application/vnd.openxmlformats-officedocument.presentationml.slideLayout+xml"/>
  <Override PartName="/ppt/slideLayouts/slideLayout252.xml" ContentType="application/vnd.openxmlformats-officedocument.presentationml.slideLayout+xml"/>
  <Override PartName="/ppt/slideLayouts/slideLayout253.xml" ContentType="application/vnd.openxmlformats-officedocument.presentationml.slideLayout+xml"/>
  <Override PartName="/ppt/slideLayouts/slideLayout254.xml" ContentType="application/vnd.openxmlformats-officedocument.presentationml.slideLayout+xml"/>
  <Override PartName="/ppt/slideLayouts/slideLayout255.xml" ContentType="application/vnd.openxmlformats-officedocument.presentationml.slideLayout+xml"/>
  <Override PartName="/ppt/slideLayouts/slideLayout256.xml" ContentType="application/vnd.openxmlformats-officedocument.presentationml.slideLayout+xml"/>
  <Override PartName="/ppt/slideLayouts/slideLayout257.xml" ContentType="application/vnd.openxmlformats-officedocument.presentationml.slideLayout+xml"/>
  <Override PartName="/ppt/slideLayouts/slideLayout258.xml" ContentType="application/vnd.openxmlformats-officedocument.presentationml.slideLayout+xml"/>
  <Override PartName="/ppt/slideLayouts/slideLayout259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60.xml" ContentType="application/vnd.openxmlformats-officedocument.presentationml.slideLayout+xml"/>
  <Override PartName="/ppt/slideLayouts/slideLayout261.xml" ContentType="application/vnd.openxmlformats-officedocument.presentationml.slideLayout+xml"/>
  <Override PartName="/ppt/slideLayouts/slideLayout262.xml" ContentType="application/vnd.openxmlformats-officedocument.presentationml.slideLayout+xml"/>
  <Override PartName="/ppt/slideLayouts/slideLayout263.xml" ContentType="application/vnd.openxmlformats-officedocument.presentationml.slideLayout+xml"/>
  <Override PartName="/ppt/slideLayouts/slideLayout264.xml" ContentType="application/vnd.openxmlformats-officedocument.presentationml.slideLayout+xml"/>
  <Override PartName="/ppt/slideLayouts/slideLayout265.xml" ContentType="application/vnd.openxmlformats-officedocument.presentationml.slideLayout+xml"/>
  <Override PartName="/ppt/slideLayouts/slideLayout266.xml" ContentType="application/vnd.openxmlformats-officedocument.presentationml.slideLayout+xml"/>
  <Override PartName="/ppt/slideLayouts/slideLayout267.xml" ContentType="application/vnd.openxmlformats-officedocument.presentationml.slideLayout+xml"/>
  <Override PartName="/ppt/slideLayouts/slideLayout268.xml" ContentType="application/vnd.openxmlformats-officedocument.presentationml.slideLayout+xml"/>
  <Override PartName="/ppt/slideLayouts/slideLayout269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70.xml" ContentType="application/vnd.openxmlformats-officedocument.presentationml.slideLayout+xml"/>
  <Override PartName="/ppt/slideLayouts/slideLayout271.xml" ContentType="application/vnd.openxmlformats-officedocument.presentationml.slideLayout+xml"/>
  <Override PartName="/ppt/slideLayouts/slideLayout272.xml" ContentType="application/vnd.openxmlformats-officedocument.presentationml.slideLayout+xml"/>
  <Override PartName="/ppt/slideLayouts/slideLayout273.xml" ContentType="application/vnd.openxmlformats-officedocument.presentationml.slideLayout+xml"/>
  <Override PartName="/ppt/slideLayouts/slideLayout274.xml" ContentType="application/vnd.openxmlformats-officedocument.presentationml.slideLayout+xml"/>
  <Override PartName="/ppt/slideLayouts/slideLayout275.xml" ContentType="application/vnd.openxmlformats-officedocument.presentationml.slideLayout+xml"/>
  <Override PartName="/ppt/slideLayouts/slideLayout276.xml" ContentType="application/vnd.openxmlformats-officedocument.presentationml.slideLayout+xml"/>
  <Override PartName="/ppt/slideLayouts/slideLayout277.xml" ContentType="application/vnd.openxmlformats-officedocument.presentationml.slideLayout+xml"/>
  <Override PartName="/ppt/slideLayouts/slideLayout278.xml" ContentType="application/vnd.openxmlformats-officedocument.presentationml.slideLayout+xml"/>
  <Override PartName="/ppt/slideLayouts/slideLayout279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80.xml" ContentType="application/vnd.openxmlformats-officedocument.presentationml.slideLayout+xml"/>
  <Override PartName="/ppt/slideLayouts/slideLayout281.xml" ContentType="application/vnd.openxmlformats-officedocument.presentationml.slideLayout+xml"/>
  <Override PartName="/ppt/slideLayouts/slideLayout282.xml" ContentType="application/vnd.openxmlformats-officedocument.presentationml.slideLayout+xml"/>
  <Override PartName="/ppt/slideLayouts/slideLayout283.xml" ContentType="application/vnd.openxmlformats-officedocument.presentationml.slideLayout+xml"/>
  <Override PartName="/ppt/slideLayouts/slideLayout284.xml" ContentType="application/vnd.openxmlformats-officedocument.presentationml.slideLayout+xml"/>
  <Override PartName="/ppt/slideLayouts/slideLayout285.xml" ContentType="application/vnd.openxmlformats-officedocument.presentationml.slideLayout+xml"/>
  <Override PartName="/ppt/slideLayouts/slideLayout286.xml" ContentType="application/vnd.openxmlformats-officedocument.presentationml.slideLayout+xml"/>
  <Override PartName="/ppt/slideLayouts/slideLayout287.xml" ContentType="application/vnd.openxmlformats-officedocument.presentationml.slideLayout+xml"/>
  <Override PartName="/ppt/slideLayouts/slideLayout288.xml" ContentType="application/vnd.openxmlformats-officedocument.presentationml.slideLayout+xml"/>
  <Override PartName="/ppt/slideLayouts/slideLayout289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290.xml" ContentType="application/vnd.openxmlformats-officedocument.presentationml.slideLayout+xml"/>
  <Override PartName="/ppt/slideLayouts/slideLayout291.xml" ContentType="application/vnd.openxmlformats-officedocument.presentationml.slideLayout+xml"/>
  <Override PartName="/ppt/slideLayouts/slideLayout292.xml" ContentType="application/vnd.openxmlformats-officedocument.presentationml.slideLayout+xml"/>
  <Override PartName="/ppt/slideLayouts/slideLayout293.xml" ContentType="application/vnd.openxmlformats-officedocument.presentationml.slideLayout+xml"/>
  <Override PartName="/ppt/slideLayouts/slideLayout294.xml" ContentType="application/vnd.openxmlformats-officedocument.presentationml.slideLayout+xml"/>
  <Override PartName="/ppt/slideLayouts/slideLayout295.xml" ContentType="application/vnd.openxmlformats-officedocument.presentationml.slideLayout+xml"/>
  <Override PartName="/ppt/slideLayouts/slideLayout296.xml" ContentType="application/vnd.openxmlformats-officedocument.presentationml.slideLayout+xml"/>
  <Override PartName="/ppt/slideLayouts/slideLayout297.xml" ContentType="application/vnd.openxmlformats-officedocument.presentationml.slideLayout+xml"/>
  <Override PartName="/ppt/slideLayouts/slideLayout298.xml" ContentType="application/vnd.openxmlformats-officedocument.presentationml.slideLayout+xml"/>
  <Override PartName="/ppt/slideLayouts/slideLayout299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00.xml" ContentType="application/vnd.openxmlformats-officedocument.presentationml.slideLayout+xml"/>
  <Override PartName="/ppt/slideLayouts/slideLayout301.xml" ContentType="application/vnd.openxmlformats-officedocument.presentationml.slideLayout+xml"/>
  <Override PartName="/ppt/slideLayouts/slideLayout302.xml" ContentType="application/vnd.openxmlformats-officedocument.presentationml.slideLayout+xml"/>
  <Override PartName="/ppt/slideLayouts/slideLayout303.xml" ContentType="application/vnd.openxmlformats-officedocument.presentationml.slideLayout+xml"/>
  <Override PartName="/ppt/slideLayouts/slideLayout304.xml" ContentType="application/vnd.openxmlformats-officedocument.presentationml.slideLayout+xml"/>
  <Override PartName="/ppt/slideLayouts/slideLayout305.xml" ContentType="application/vnd.openxmlformats-officedocument.presentationml.slideLayout+xml"/>
  <Override PartName="/ppt/slideLayouts/slideLayout306.xml" ContentType="application/vnd.openxmlformats-officedocument.presentationml.slideLayout+xml"/>
  <Override PartName="/ppt/slideLayouts/slideLayout307.xml" ContentType="application/vnd.openxmlformats-officedocument.presentationml.slideLayout+xml"/>
  <Override PartName="/ppt/slideLayouts/slideLayout308.xml" ContentType="application/vnd.openxmlformats-officedocument.presentationml.slideLayout+xml"/>
  <Override PartName="/ppt/slideLayouts/slideLayout309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10.xml" ContentType="application/vnd.openxmlformats-officedocument.presentationml.slideLayout+xml"/>
  <Override PartName="/ppt/slideLayouts/slideLayout311.xml" ContentType="application/vnd.openxmlformats-officedocument.presentationml.slideLayout+xml"/>
  <Override PartName="/ppt/slideLayouts/slideLayout312.xml" ContentType="application/vnd.openxmlformats-officedocument.presentationml.slideLayout+xml"/>
  <Override PartName="/ppt/slideLayouts/slideLayout313.xml" ContentType="application/vnd.openxmlformats-officedocument.presentationml.slideLayout+xml"/>
  <Override PartName="/ppt/slideLayouts/slideLayout314.xml" ContentType="application/vnd.openxmlformats-officedocument.presentationml.slideLayout+xml"/>
  <Override PartName="/ppt/slideLayouts/slideLayout315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Masters/slideMaster7.xml" ContentType="application/vnd.openxmlformats-officedocument.presentationml.slideMaster+xml"/>
  <Override PartName="/ppt/slides/slide1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tableStyles.xml" ContentType="application/vnd.openxmlformats-officedocument.presentationml.tableStyles+xml"/>
  <Override PartName="/ppt/tags/tag30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theme/theme7.xml" ContentType="application/vnd.openxmlformats-officedocument.theme+xml"/>
  <Override PartName="/ppt/theme/theme8.xml" ContentType="application/vnd.openxmlformats-officedocument.theme+xml"/>
  <Override PartName="/ppt/theme/theme9.xml" ContentType="application/vnd.openxmlformats-officedocument.theme+xml"/>
  <Override PartName="/ppt/viewProps.xml" ContentType="application/vnd.openxmlformats-officedocument.presentationml.viewProps+xml"/>
</Types>
</file>

<file path=_rels/.rels><?xml version="1.0" encoding="UTF-8" standalone="yes"?>
<Relationships xmlns="http://schemas.openxmlformats.org/package/2006/relationships"><Relationship Id="rId1" Type="http://schemas.openxmlformats.org/officeDocument/2006/relationships/officeDocument" Target="ppt/presentation.xml"/><Relationship Id="rId4" Type="http://schemas.openxmlformats.org/package/2006/relationships/metadata/thumbnail" Target="docProps/thumbnail.jpeg"/><Relationship Id="rId3" Type="http://schemas.openxmlformats.org/package/2006/relationships/metadata/core-properties" Target="docProps/core.xml"/><Relationship Id="rId2" Type="http://schemas.openxmlformats.org/officeDocument/2006/relationships/extended-properties" Target="docProps/app.xml"/><Relationship Id="rId5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autoCompressPictures="0">
  <p:sldMasterIdLst>
    <p:sldMasterId id="2147483648" r:id="rId1"/>
    <p:sldMasterId id="2147483694" r:id="rId3"/>
    <p:sldMasterId id="2147483740" r:id="rId4"/>
    <p:sldMasterId id="2147483786" r:id="rId5"/>
    <p:sldMasterId id="2147483832" r:id="rId6"/>
    <p:sldMasterId id="2147483878" r:id="rId7"/>
    <p:sldMasterId id="2147483924" r:id="rId8"/>
  </p:sldMasterIdLst>
  <p:notesMasterIdLst>
    <p:notesMasterId r:id="rId10"/>
  </p:notesMasterIdLst>
  <p:handoutMasterIdLst>
    <p:handoutMasterId r:id="rId23"/>
  </p:handoutMasterIdLst>
  <p:sldIdLst>
    <p:sldId id="506" r:id="rId9"/>
    <p:sldId id="516" r:id="rId11"/>
    <p:sldId id="376" r:id="rId12"/>
    <p:sldId id="466" r:id="rId13"/>
    <p:sldId id="518" r:id="rId14"/>
    <p:sldId id="521" r:id="rId15"/>
    <p:sldId id="524" r:id="rId16"/>
    <p:sldId id="522" r:id="rId17"/>
    <p:sldId id="525" r:id="rId18"/>
    <p:sldId id="529" r:id="rId19"/>
    <p:sldId id="519" r:id="rId20"/>
    <p:sldId id="520" r:id="rId21"/>
    <p:sldId id="511" r:id="rId22"/>
  </p:sldIdLst>
  <p:sldSz cx="9215120" cy="5184775"/>
  <p:notesSz cx="7315200" cy="9601200"/>
  <p:custDataLst>
    <p:tags r:id="rId57"/>
  </p:custDataLst>
  <p:defaultTextStyle>
    <a:defPPr>
      <a:defRPr lang="en-US"/>
    </a:defPPr>
    <a:lvl1pPr algn="l" defTabSz="920115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panose="020B0604020202090204" pitchFamily="34" charset="0"/>
      </a:defRPr>
    </a:lvl1pPr>
    <a:lvl2pPr marL="459105" indent="1905" algn="l" defTabSz="920115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panose="020B0604020202090204" pitchFamily="34" charset="0"/>
      </a:defRPr>
    </a:lvl2pPr>
    <a:lvl3pPr marL="920115" indent="1905" algn="l" defTabSz="920115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panose="020B0604020202090204" pitchFamily="34" charset="0"/>
      </a:defRPr>
    </a:lvl3pPr>
    <a:lvl4pPr marL="1380490" indent="1905" algn="l" defTabSz="920115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panose="020B0604020202090204" pitchFamily="34" charset="0"/>
      </a:defRPr>
    </a:lvl4pPr>
    <a:lvl5pPr marL="1841500" indent="1905" algn="l" defTabSz="920115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dasFG" pitchFamily="34" charset="0"/>
        <a:ea typeface="+mn-ea"/>
        <a:cs typeface="Arial" panose="020B0604020202090204" pitchFamily="34" charset="0"/>
      </a:defRPr>
    </a:lvl5pPr>
    <a:lvl6pPr marL="2303780" algn="l" defTabSz="921385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panose="020B0604020202090204" pitchFamily="34" charset="0"/>
      </a:defRPr>
    </a:lvl6pPr>
    <a:lvl7pPr marL="2764155" algn="l" defTabSz="921385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panose="020B0604020202090204" pitchFamily="34" charset="0"/>
      </a:defRPr>
    </a:lvl7pPr>
    <a:lvl8pPr marL="3225165" algn="l" defTabSz="921385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panose="020B0604020202090204" pitchFamily="34" charset="0"/>
      </a:defRPr>
    </a:lvl8pPr>
    <a:lvl9pPr marL="3685540" algn="l" defTabSz="921385" rtl="0" eaLnBrk="1" latinLnBrk="0" hangingPunct="1">
      <a:defRPr kern="1200">
        <a:solidFill>
          <a:schemeClr val="tx1"/>
        </a:solidFill>
        <a:latin typeface="adidasFG" pitchFamily="34" charset="0"/>
        <a:ea typeface="+mn-ea"/>
        <a:cs typeface="Arial" panose="020B0604020202090204" pitchFamily="34" charset="0"/>
      </a:defRPr>
    </a:lvl9pPr>
  </p:defaultTextStyle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Christoph Gegenheimer" initials="CG" lastIdx="1" clrIdx="0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188" autoAdjust="0"/>
    <p:restoredTop sz="95962" autoAdjust="0"/>
  </p:normalViewPr>
  <p:slideViewPr>
    <p:cSldViewPr>
      <p:cViewPr varScale="1">
        <p:scale>
          <a:sx n="150" d="100"/>
          <a:sy n="150" d="100"/>
        </p:scale>
        <p:origin x="216" y="160"/>
      </p:cViewPr>
      <p:guideLst/>
    </p:cSldViewPr>
  </p:slideViewPr>
  <p:outlineViewPr>
    <p:cViewPr>
      <p:scale>
        <a:sx n="33" d="100"/>
        <a:sy n="33" d="100"/>
      </p:scale>
      <p:origin x="0" y="-4797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90" d="100"/>
        <a:sy n="190" d="100"/>
      </p:scale>
      <p:origin x="0" y="0"/>
    </p:cViewPr>
  </p:sorterViewPr>
  <p:notesViewPr>
    <p:cSldViewPr>
      <p:cViewPr>
        <p:scale>
          <a:sx n="75" d="100"/>
          <a:sy n="75" d="100"/>
        </p:scale>
        <p:origin x="5820" y="112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9" Type="http://schemas.openxmlformats.org/officeDocument/2006/relationships/slide" Target="slides/slide1.xml"/><Relationship Id="rId8" Type="http://schemas.openxmlformats.org/officeDocument/2006/relationships/slideMaster" Target="slideMasters/slideMaster7.xml"/><Relationship Id="rId7" Type="http://schemas.openxmlformats.org/officeDocument/2006/relationships/slideMaster" Target="slideMasters/slideMaster6.xml"/><Relationship Id="rId6" Type="http://schemas.openxmlformats.org/officeDocument/2006/relationships/slideMaster" Target="slideMasters/slideMaster5.xml"/><Relationship Id="rId57" Type="http://schemas.openxmlformats.org/officeDocument/2006/relationships/tags" Target="tags/tag30.xml"/><Relationship Id="rId56" Type="http://schemas.openxmlformats.org/officeDocument/2006/relationships/customXml" Target="../customXml/item29.xml"/><Relationship Id="rId55" Type="http://schemas.openxmlformats.org/officeDocument/2006/relationships/customXml" Target="../customXml/item28.xml"/><Relationship Id="rId54" Type="http://schemas.openxmlformats.org/officeDocument/2006/relationships/customXml" Target="../customXml/item27.xml"/><Relationship Id="rId53" Type="http://schemas.openxmlformats.org/officeDocument/2006/relationships/customXml" Target="../customXml/item26.xml"/><Relationship Id="rId52" Type="http://schemas.openxmlformats.org/officeDocument/2006/relationships/customXml" Target="../customXml/item25.xml"/><Relationship Id="rId51" Type="http://schemas.openxmlformats.org/officeDocument/2006/relationships/customXml" Target="../customXml/item24.xml"/><Relationship Id="rId50" Type="http://schemas.openxmlformats.org/officeDocument/2006/relationships/customXml" Target="../customXml/item23.xml"/><Relationship Id="rId5" Type="http://schemas.openxmlformats.org/officeDocument/2006/relationships/slideMaster" Target="slideMasters/slideMaster4.xml"/><Relationship Id="rId49" Type="http://schemas.openxmlformats.org/officeDocument/2006/relationships/customXml" Target="../customXml/item22.xml"/><Relationship Id="rId48" Type="http://schemas.openxmlformats.org/officeDocument/2006/relationships/customXml" Target="../customXml/item21.xml"/><Relationship Id="rId47" Type="http://schemas.openxmlformats.org/officeDocument/2006/relationships/customXml" Target="../customXml/item20.xml"/><Relationship Id="rId46" Type="http://schemas.openxmlformats.org/officeDocument/2006/relationships/customXml" Target="../customXml/item19.xml"/><Relationship Id="rId45" Type="http://schemas.openxmlformats.org/officeDocument/2006/relationships/customXml" Target="../customXml/item18.xml"/><Relationship Id="rId44" Type="http://schemas.openxmlformats.org/officeDocument/2006/relationships/customXml" Target="../customXml/item17.xml"/><Relationship Id="rId43" Type="http://schemas.openxmlformats.org/officeDocument/2006/relationships/customXml" Target="../customXml/item16.xml"/><Relationship Id="rId42" Type="http://schemas.openxmlformats.org/officeDocument/2006/relationships/customXml" Target="../customXml/item15.xml"/><Relationship Id="rId41" Type="http://schemas.openxmlformats.org/officeDocument/2006/relationships/customXml" Target="../customXml/item14.xml"/><Relationship Id="rId40" Type="http://schemas.openxmlformats.org/officeDocument/2006/relationships/customXml" Target="../customXml/item13.xml"/><Relationship Id="rId4" Type="http://schemas.openxmlformats.org/officeDocument/2006/relationships/slideMaster" Target="slideMasters/slideMaster3.xml"/><Relationship Id="rId39" Type="http://schemas.openxmlformats.org/officeDocument/2006/relationships/customXml" Target="../customXml/item12.xml"/><Relationship Id="rId38" Type="http://schemas.openxmlformats.org/officeDocument/2006/relationships/customXml" Target="../customXml/item11.xml"/><Relationship Id="rId37" Type="http://schemas.openxmlformats.org/officeDocument/2006/relationships/customXml" Target="../customXml/item10.xml"/><Relationship Id="rId36" Type="http://schemas.openxmlformats.org/officeDocument/2006/relationships/customXml" Target="../customXml/item9.xml"/><Relationship Id="rId35" Type="http://schemas.openxmlformats.org/officeDocument/2006/relationships/customXml" Target="../customXml/item8.xml"/><Relationship Id="rId34" Type="http://schemas.openxmlformats.org/officeDocument/2006/relationships/customXml" Target="../customXml/item7.xml"/><Relationship Id="rId33" Type="http://schemas.openxmlformats.org/officeDocument/2006/relationships/customXml" Target="../customXml/item6.xml"/><Relationship Id="rId32" Type="http://schemas.openxmlformats.org/officeDocument/2006/relationships/customXml" Target="../customXml/item5.xml"/><Relationship Id="rId31" Type="http://schemas.openxmlformats.org/officeDocument/2006/relationships/customXml" Target="../customXml/item4.xml"/><Relationship Id="rId30" Type="http://schemas.openxmlformats.org/officeDocument/2006/relationships/customXml" Target="../customXml/item3.xml"/><Relationship Id="rId3" Type="http://schemas.openxmlformats.org/officeDocument/2006/relationships/slideMaster" Target="slideMasters/slideMaster2.xml"/><Relationship Id="rId29" Type="http://schemas.openxmlformats.org/officeDocument/2006/relationships/customXml" Target="../customXml/item2.xml"/><Relationship Id="rId28" Type="http://schemas.openxmlformats.org/officeDocument/2006/relationships/customXml" Target="../customXml/item1.xml"/><Relationship Id="rId27" Type="http://schemas.openxmlformats.org/officeDocument/2006/relationships/commentAuthors" Target="commentAuthors.xml"/><Relationship Id="rId26" Type="http://schemas.openxmlformats.org/officeDocument/2006/relationships/tableStyles" Target="tableStyles.xml"/><Relationship Id="rId25" Type="http://schemas.openxmlformats.org/officeDocument/2006/relationships/viewProps" Target="viewProps.xml"/><Relationship Id="rId24" Type="http://schemas.openxmlformats.org/officeDocument/2006/relationships/presProps" Target="presProps.xml"/><Relationship Id="rId23" Type="http://schemas.openxmlformats.org/officeDocument/2006/relationships/handoutMaster" Target="handoutMasters/handoutMaster1.xml"/><Relationship Id="rId22" Type="http://schemas.openxmlformats.org/officeDocument/2006/relationships/slide" Target="slides/slide13.xml"/><Relationship Id="rId21" Type="http://schemas.openxmlformats.org/officeDocument/2006/relationships/slide" Target="slides/slide12.xml"/><Relationship Id="rId20" Type="http://schemas.openxmlformats.org/officeDocument/2006/relationships/slide" Target="slides/slide11.xml"/><Relationship Id="rId2" Type="http://schemas.openxmlformats.org/officeDocument/2006/relationships/theme" Target="theme/theme1.xml"/><Relationship Id="rId19" Type="http://schemas.openxmlformats.org/officeDocument/2006/relationships/slide" Target="slides/slide10.xml"/><Relationship Id="rId18" Type="http://schemas.openxmlformats.org/officeDocument/2006/relationships/slide" Target="slides/slide9.xml"/><Relationship Id="rId17" Type="http://schemas.openxmlformats.org/officeDocument/2006/relationships/slide" Target="slides/slide8.xml"/><Relationship Id="rId16" Type="http://schemas.openxmlformats.org/officeDocument/2006/relationships/slide" Target="slides/slide7.xml"/><Relationship Id="rId15" Type="http://schemas.openxmlformats.org/officeDocument/2006/relationships/slide" Target="slides/slide6.xml"/><Relationship Id="rId14" Type="http://schemas.openxmlformats.org/officeDocument/2006/relationships/slide" Target="slides/slide5.xml"/><Relationship Id="rId13" Type="http://schemas.openxmlformats.org/officeDocument/2006/relationships/slide" Target="slides/slide4.xml"/><Relationship Id="rId12" Type="http://schemas.openxmlformats.org/officeDocument/2006/relationships/slide" Target="slides/slide3.xml"/><Relationship Id="rId11" Type="http://schemas.openxmlformats.org/officeDocument/2006/relationships/slide" Target="slides/slide2.xml"/><Relationship Id="rId10" Type="http://schemas.openxmlformats.org/officeDocument/2006/relationships/notesMaster" Target="notesMasters/notesMaster1.xml"/><Relationship Id="rId1" Type="http://schemas.openxmlformats.org/officeDocument/2006/relationships/slideMaster" Target="slideMasters/slide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9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ooter Placeholder 24"/>
          <p:cNvSpPr>
            <a:spLocks noGrp="1"/>
          </p:cNvSpPr>
          <p:nvPr>
            <p:ph type="ftr" sz="quarter" idx="2"/>
          </p:nvPr>
        </p:nvSpPr>
        <p:spPr bwMode="gray">
          <a:xfrm>
            <a:off x="327600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+mj-lt"/>
              </a:defRPr>
            </a:lvl1pPr>
          </a:lstStyle>
          <a:p>
            <a:r>
              <a:rPr lang="en-US" dirty="0">
                <a:latin typeface="adidasFG Compressed" panose="020B0508030503020204" pitchFamily="34" charset="0"/>
              </a:rPr>
              <a:t>2021 ADIDAS AG</a:t>
            </a:r>
            <a:endParaRPr lang="en-US" dirty="0">
              <a:latin typeface="adidasFG Compressed" panose="020B0508030503020204" pitchFamily="34" charset="0"/>
            </a:endParaRPr>
          </a:p>
        </p:txBody>
      </p:sp>
      <p:sp>
        <p:nvSpPr>
          <p:cNvPr id="11" name="Slide Number Placeholder 25"/>
          <p:cNvSpPr>
            <a:spLocks noGrp="1"/>
          </p:cNvSpPr>
          <p:nvPr>
            <p:ph type="sldNum" sz="quarter" idx="3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>
                <a:latin typeface="adidasFG Compressed" panose="020B0508030503020204" pitchFamily="34" charset="0"/>
              </a:rPr>
            </a:fld>
            <a:endParaRPr lang="en-US" dirty="0">
              <a:latin typeface="adidasFG Compressed" panose="020B0508030503020204" pitchFamily="34" charset="0"/>
            </a:endParaRPr>
          </a:p>
        </p:txBody>
      </p:sp>
      <p:sp>
        <p:nvSpPr>
          <p:cNvPr id="12" name="Date Placeholder 26"/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EEECAF42-CB26-4C2C-83B3-F58AB3974494}" type="datetime1">
              <a:rPr lang="en-US" smtClean="0">
                <a:latin typeface="adidasFG Compressed" panose="020B0508030503020204" pitchFamily="34" charset="0"/>
              </a:rPr>
            </a:fld>
            <a:endParaRPr lang="en-US" dirty="0">
              <a:latin typeface="adidasFG Compressed" panose="020B0508030503020204" pitchFamily="34" charset="0"/>
            </a:endParaRPr>
          </a:p>
        </p:txBody>
      </p:sp>
      <p:sp>
        <p:nvSpPr>
          <p:cNvPr id="13" name="Header Placeholder 27"/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endParaRPr lang="en-US" dirty="0">
              <a:latin typeface="adidasFG Compressed" panose="020B0508030503020204" pitchFamily="34" charset="0"/>
            </a:endParaRP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8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36156" y="360363"/>
            <a:ext cx="6660000" cy="3746471"/>
          </a:xfrm>
          <a:prstGeom prst="rect">
            <a:avLst/>
          </a:prstGeom>
          <a:noFill/>
          <a:ln w="6350">
            <a:solidFill>
              <a:schemeClr val="tx1"/>
            </a:solidFill>
            <a:miter lim="800000"/>
          </a:ln>
          <a:effectLst/>
        </p:spPr>
        <p:txBody>
          <a:bodyPr vert="horz" lIns="94702" tIns="47351" rIns="94702" bIns="47351" rtlCol="0" anchor="ctr"/>
          <a:lstStyle/>
          <a:p>
            <a:pPr lvl="0"/>
            <a:endParaRPr lang="en-US" noProof="0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36156" y="4392612"/>
            <a:ext cx="6660000" cy="465645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Click to edit Master text styles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  <a:endParaRPr lang="en-US" noProof="0" dirty="0"/>
          </a:p>
          <a:p>
            <a:pPr lvl="2"/>
            <a:r>
              <a:rPr lang="en-US" noProof="0" dirty="0"/>
              <a:t>Third level</a:t>
            </a:r>
            <a:endParaRPr lang="en-US" noProof="0" dirty="0"/>
          </a:p>
          <a:p>
            <a:pPr lvl="3"/>
            <a:r>
              <a:rPr lang="en-US" noProof="0" dirty="0"/>
              <a:t>Fourth level</a:t>
            </a:r>
            <a:endParaRPr lang="en-US" noProof="0" dirty="0"/>
          </a:p>
          <a:p>
            <a:pPr lvl="4"/>
            <a:r>
              <a:rPr lang="en-US" noProof="0" dirty="0"/>
              <a:t>Fifth level</a:t>
            </a:r>
            <a:endParaRPr lang="en-US" noProof="0" dirty="0"/>
          </a:p>
          <a:p>
            <a:pPr lvl="5"/>
            <a:r>
              <a:rPr lang="en-US" noProof="0" dirty="0"/>
              <a:t>Sixth level</a:t>
            </a:r>
            <a:endParaRPr lang="en-US" noProof="0" dirty="0"/>
          </a:p>
          <a:p>
            <a:pPr lvl="6"/>
            <a:r>
              <a:rPr lang="en-US" noProof="0" dirty="0"/>
              <a:t>Seventh level</a:t>
            </a:r>
            <a:endParaRPr lang="en-US" noProof="0" dirty="0"/>
          </a:p>
          <a:p>
            <a:pPr lvl="7"/>
            <a:r>
              <a:rPr lang="en-US" noProof="0" dirty="0"/>
              <a:t>Eighth level</a:t>
            </a:r>
            <a:endParaRPr lang="en-US" noProof="0" dirty="0"/>
          </a:p>
          <a:p>
            <a:pPr lvl="8"/>
            <a:r>
              <a:rPr lang="en-US" noProof="0" dirty="0"/>
              <a:t>Ninth level</a:t>
            </a:r>
            <a:endParaRPr lang="en-US" noProof="0" dirty="0"/>
          </a:p>
        </p:txBody>
      </p:sp>
      <p:sp>
        <p:nvSpPr>
          <p:cNvPr id="25" name="Footer Placeholder 24"/>
          <p:cNvSpPr>
            <a:spLocks noGrp="1"/>
          </p:cNvSpPr>
          <p:nvPr>
            <p:ph type="ftr" sz="quarter" idx="4"/>
          </p:nvPr>
        </p:nvSpPr>
        <p:spPr bwMode="gray">
          <a:xfrm>
            <a:off x="336156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adidasFG Compressed" panose="020B0508030503020204" pitchFamily="34" charset="0"/>
              </a:defRPr>
            </a:lvl1pPr>
          </a:lstStyle>
          <a:p>
            <a:r>
              <a:rPr lang="en-US" dirty="0"/>
              <a:t>2021 ADIDAS AG</a:t>
            </a:r>
            <a:endParaRPr lang="en-US" dirty="0"/>
          </a:p>
        </p:txBody>
      </p:sp>
      <p:sp>
        <p:nvSpPr>
          <p:cNvPr id="26" name="Slide Number Placeholder 25"/>
          <p:cNvSpPr>
            <a:spLocks noGrp="1"/>
          </p:cNvSpPr>
          <p:nvPr>
            <p:ph type="sldNum" sz="quarter" idx="5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fld id="{0E76785A-95C7-44FE-A156-91193B40163D}" type="slidenum">
              <a:rPr lang="en-US" smtClean="0"/>
            </a:fld>
            <a:endParaRPr lang="en-US" dirty="0"/>
          </a:p>
        </p:txBody>
      </p:sp>
      <p:sp>
        <p:nvSpPr>
          <p:cNvPr id="27" name="Date Placeholder 26"/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fld id="{6197EE9F-B799-4B44-AEB0-4249590D37D1}" type="datetime1">
              <a:rPr lang="en-US" smtClean="0"/>
            </a:fld>
            <a:endParaRPr lang="en-US" dirty="0"/>
          </a:p>
        </p:txBody>
      </p:sp>
      <p:sp>
        <p:nvSpPr>
          <p:cNvPr id="28" name="Header Placeholder 27"/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</a:lstStyle>
          <a:p>
            <a:endParaRPr lang="en-US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hf/>
  <p:notesStyle>
    <a:lvl1pPr algn="l" defTabSz="920115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Wingdings" panose="05000000000000000000" pitchFamily="2" charset="2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1pPr>
    <a:lvl2pPr marL="144145" indent="-144145" algn="l" defTabSz="920115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Wingdings" panose="05000000000000000000" pitchFamily="2" charset="2"/>
      <a:buChar char="§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2pPr>
    <a:lvl3pPr marL="144145" indent="-144145" algn="l" defTabSz="920115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+mj-lt"/>
      <a:buAutoNum type="arabicPeriod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3pPr>
    <a:lvl4pPr marL="288290" indent="-144145" algn="l" defTabSz="920115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adidasFG" pitchFamily="34" charset="0"/>
      <a:buChar char="­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4pPr>
    <a:lvl5pPr marL="288290" indent="-144145" algn="l" defTabSz="920115" rtl="0" eaLnBrk="0" fontAlgn="base" hangingPunct="0">
      <a:lnSpc>
        <a:spcPct val="100000"/>
      </a:lnSpc>
      <a:spcBef>
        <a:spcPts val="300"/>
      </a:spcBef>
      <a:spcAft>
        <a:spcPts val="0"/>
      </a:spcAft>
      <a:buSzPct val="90000"/>
      <a:buFont typeface="adidasFG Compressed" panose="020B0508030503020204" pitchFamily="34" charset="0"/>
      <a:buAutoNum type="arabicPeriod"/>
      <a:defRPr sz="1000" kern="120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5pPr>
    <a:lvl6pPr marL="0" indent="0" algn="l" defTabSz="921385" rtl="0" eaLnBrk="1" latinLnBrk="0" hangingPunct="1">
      <a:lnSpc>
        <a:spcPct val="75000"/>
      </a:lnSpc>
      <a:spcBef>
        <a:spcPts val="1200"/>
      </a:spcBef>
      <a:spcAft>
        <a:spcPts val="600"/>
      </a:spcAft>
      <a:defRPr sz="1600" b="1" kern="1200" cap="all" spc="20" baseline="0">
        <a:solidFill>
          <a:schemeClr val="tx1"/>
        </a:solidFill>
        <a:latin typeface="adidasFG Compressed" panose="020B0508030503020204" pitchFamily="34" charset="0"/>
        <a:ea typeface="+mn-ea"/>
        <a:cs typeface="+mn-cs"/>
      </a:defRPr>
    </a:lvl6pPr>
    <a:lvl7pPr marL="0" indent="0" algn="l" defTabSz="921385" rtl="0" eaLnBrk="1" latinLnBrk="0" hangingPunct="1">
      <a:lnSpc>
        <a:spcPct val="90000"/>
      </a:lnSpc>
      <a:spcBef>
        <a:spcPts val="0"/>
      </a:spcBef>
      <a:spcAft>
        <a:spcPts val="600"/>
      </a:spcAft>
      <a:defRPr sz="800" b="0" kern="1200" cap="none" baseline="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7pPr>
    <a:lvl8pPr marL="0" indent="0" algn="l" defTabSz="921385" rtl="0" eaLnBrk="1" latinLnBrk="0" hangingPunct="1">
      <a:spcAft>
        <a:spcPts val="600"/>
      </a:spcAft>
      <a:defRPr sz="800" kern="120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8pPr>
    <a:lvl9pPr marL="0" indent="0" algn="l" defTabSz="921385" rtl="0" eaLnBrk="1" latinLnBrk="0" hangingPunct="1">
      <a:spcAft>
        <a:spcPts val="600"/>
      </a:spcAft>
      <a:defRPr sz="800" kern="1200">
        <a:solidFill>
          <a:schemeClr val="accent3"/>
        </a:solidFill>
        <a:latin typeface="adidasFG Compressed" panose="020B0508030503020204" pitchFamily="34" charset="0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1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13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3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4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5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6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7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8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9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notesMaster" Target="../notesMasters/notesMaster1.xml"/><Relationship Id="rId1" Type="http://schemas.openxmlformats.org/officeDocument/2006/relationships/slide" Target="../slides/slide10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5DE82CC2-E371-4157-9C62-E19EC1B4A39B}" type="datetime1">
              <a:rPr lang="en-US" smtClean="0"/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36550" y="360363"/>
            <a:ext cx="6659563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</a:fld>
            <a:endParaRPr lang="en-US" dirty="0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6197EE9F-B799-4B44-AEB0-4249590D37D1}" type="datetime1">
              <a:rPr lang="en-US" smtClean="0"/>
            </a:fld>
            <a:endParaRPr lang="en-US" dirty="0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</p:spTree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186443E9-B428-478E-8674-22596BAE694E}" type="datetime1">
              <a:rPr lang="en-US" smtClean="0"/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F298B331-ED6B-47AA-8833-689037F3DE70}" type="datetime1">
              <a:rPr lang="en-US" smtClean="0"/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C113509-C3D5-4CF6-A0B2-3D5061385637}" type="datetime1">
              <a:rPr lang="en-US" smtClean="0"/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</p:spTree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/>
          <p:cNvSpPr txBox="1"/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/>
              <a:t>Color: Greyscale</a:t>
            </a:r>
            <a:endParaRPr lang="en-US" sz="7000" dirty="0"/>
          </a:p>
        </p:txBody>
      </p:sp>
      <p:sp>
        <p:nvSpPr>
          <p:cNvPr id="5" name="Rectangle 4"/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itchFamily="34" charset="0"/>
            </a:endParaRPr>
          </a:p>
        </p:txBody>
      </p:sp>
      <p:sp>
        <p:nvSpPr>
          <p:cNvPr id="6" name="Rectangle 5"/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itchFamily="34" charset="0"/>
            </a:endParaRPr>
          </a:p>
        </p:txBody>
      </p:sp>
      <p:sp>
        <p:nvSpPr>
          <p:cNvPr id="7" name="Rectangle 6"/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itchFamily="34" charset="0"/>
            </a:endParaRPr>
          </a:p>
        </p:txBody>
      </p:sp>
      <p:sp>
        <p:nvSpPr>
          <p:cNvPr id="8" name="Rectangle 7"/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itchFamily="34" charset="0"/>
            </a:endParaRPr>
          </a:p>
        </p:txBody>
      </p:sp>
      <p:sp>
        <p:nvSpPr>
          <p:cNvPr id="9" name="Rectangle 8"/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itchFamily="34" charset="0"/>
            </a:endParaRPr>
          </a:p>
        </p:txBody>
      </p:sp>
      <p:sp>
        <p:nvSpPr>
          <p:cNvPr id="10" name="Rectangle 9"/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+mj-lt"/>
              <a:cs typeface="adidasFG" pitchFamily="34" charset="0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9" name="Title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/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10" name="Title 9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145" indent="-144145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145" indent="-144145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290" indent="-144145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290" indent="-144145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 dirty="0"/>
          </a:p>
          <a:p>
            <a:pPr lvl="2"/>
            <a:r>
              <a:rPr lang="en-US" dirty="0"/>
              <a:t>Third level</a:t>
            </a:r>
            <a:endParaRPr lang="en-US" dirty="0"/>
          </a:p>
          <a:p>
            <a:pPr lvl="3"/>
            <a:r>
              <a:rPr lang="en-US" dirty="0"/>
              <a:t>Fourth level</a:t>
            </a:r>
            <a:endParaRPr lang="en-US" dirty="0"/>
          </a:p>
          <a:p>
            <a:pPr lvl="4"/>
            <a:r>
              <a:rPr lang="en-US" dirty="0"/>
              <a:t>Fifth level</a:t>
            </a:r>
            <a:endParaRPr lang="en-US" dirty="0"/>
          </a:p>
        </p:txBody>
      </p:sp>
      <p:sp>
        <p:nvSpPr>
          <p:cNvPr id="3" name="TextBox 2"/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itchFamily="34" charset="0"/>
                <a:cs typeface="adidasFG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  <a:endParaRPr lang="en-US" sz="700" dirty="0">
              <a:solidFill>
                <a:sysClr val="windowText" lastClr="000000"/>
              </a:solidFill>
              <a:latin typeface="adidasFG" pitchFamily="34" charset="0"/>
              <a:cs typeface="adidasFG" pitchFamily="34" charset="0"/>
            </a:endParaRPr>
          </a:p>
        </p:txBody>
      </p:sp>
      <p:grpSp>
        <p:nvGrpSpPr>
          <p:cNvPr id="6" name="Group 5"/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/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itchFamily="34" charset="0"/>
              </a:endParaRPr>
            </a:p>
          </p:txBody>
        </p:sp>
        <p:sp>
          <p:nvSpPr>
            <p:cNvPr id="9" name="Freeform: Shape 8"/>
            <p:cNvSpPr/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/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/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8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9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3"/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3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/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6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31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/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9" name="Title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/>
          <p:cNvSpPr txBox="1"/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emi lucid Blue</a:t>
            </a:r>
            <a:endParaRPr lang="en-US" sz="7000" dirty="0">
              <a:latin typeface="adidasFG Compressed" panose="020B0508030503020204" pitchFamily="34" charset="0"/>
            </a:endParaRPr>
          </a:p>
        </p:txBody>
      </p:sp>
      <p:sp>
        <p:nvSpPr>
          <p:cNvPr id="5" name="Rectangle 4"/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6" name="Rectangle 5"/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7" name="Rectangle 6"/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8" name="Rectangle 7"/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9" name="Rectangle 8"/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10" name="Rectangle 9"/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</p:spTree>
  </p:cSld>
  <p:clrMapOvr>
    <a:masterClrMapping/>
  </p:clrMapOvr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9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18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</p:spTree>
  </p:cSld>
  <p:clrMapOvr>
    <a:masterClrMapping/>
  </p:clrMapOvr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9" name="Text Placeholder 15"/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10" name="Title 9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5945" indent="-575945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itchFamily="34" charset="0"/>
                <a:cs typeface="adidasFG" pitchFamily="34" charset="0"/>
              </a:defRPr>
            </a:lvl2pPr>
            <a:lvl3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3pPr>
            <a:lvl4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4pPr>
            <a:lvl5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5pPr>
            <a:lvl6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6pPr>
            <a:lvl7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7pPr>
            <a:lvl8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8pPr>
            <a:lvl9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 noProof="0" dirty="0"/>
          </a:p>
          <a:p>
            <a:pPr lvl="1"/>
            <a:r>
              <a:rPr lang="en-US" noProof="0" dirty="0"/>
              <a:t>Speaker, time or additional information</a:t>
            </a:r>
            <a:endParaRPr lang="en-US" noProof="0" dirty="0"/>
          </a:p>
        </p:txBody>
      </p:sp>
      <p:sp>
        <p:nvSpPr>
          <p:cNvPr id="7" name="Date Placeholder 1"/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9" name="Slide Number Placeholder 9"/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itel 9"/>
          <p:cNvSpPr txBox="1"/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  <a:endParaRPr lang="en-US" b="0" dirty="0">
              <a:latin typeface="adidasFG Compressed" panose="020B0508030503020204" pitchFamily="34" charset="0"/>
            </a:endParaRPr>
          </a:p>
        </p:txBody>
      </p:sp>
    </p:spTree>
  </p:cSld>
  <p:clrMapOvr>
    <a:masterClrMapping/>
  </p:clrMapOvr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  <a:endParaRPr lang="en-US" dirty="0"/>
          </a:p>
        </p:txBody>
      </p:sp>
    </p:spTree>
  </p:cSld>
  <p:clrMapOvr>
    <a:masterClrMapping/>
  </p:clrMapOvr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9" name="Title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/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10" name="Title 9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+mj-lt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145" indent="-144145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145" indent="-144145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290" indent="-144145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290" indent="-144145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" name="TextBox 2"/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+mn-lt"/>
                <a:cs typeface="adidasFG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  <a:endParaRPr lang="en-US" sz="700" dirty="0">
              <a:solidFill>
                <a:sysClr val="windowText" lastClr="000000"/>
              </a:solidFill>
              <a:latin typeface="+mn-lt"/>
              <a:cs typeface="adidasFG" pitchFamily="34" charset="0"/>
            </a:endParaRPr>
          </a:p>
        </p:txBody>
      </p:sp>
      <p:grpSp>
        <p:nvGrpSpPr>
          <p:cNvPr id="6" name="Group 5"/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/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+mj-lt"/>
                <a:cs typeface="adidasFG" pitchFamily="34" charset="0"/>
              </a:endParaRPr>
            </a:p>
          </p:txBody>
        </p:sp>
        <p:sp>
          <p:nvSpPr>
            <p:cNvPr id="9" name="Freeform: Shape 8"/>
            <p:cNvSpPr/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/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/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145" indent="-144145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145" indent="-144145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290" indent="-144145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290" indent="-144145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 dirty="0"/>
          </a:p>
          <a:p>
            <a:pPr lvl="2"/>
            <a:r>
              <a:rPr lang="en-US" dirty="0"/>
              <a:t>Third level</a:t>
            </a:r>
            <a:endParaRPr lang="en-US" dirty="0"/>
          </a:p>
          <a:p>
            <a:pPr lvl="3"/>
            <a:r>
              <a:rPr lang="en-US" dirty="0"/>
              <a:t>Fourth level</a:t>
            </a:r>
            <a:endParaRPr lang="en-US" dirty="0"/>
          </a:p>
          <a:p>
            <a:pPr lvl="4"/>
            <a:r>
              <a:rPr lang="en-US" dirty="0"/>
              <a:t>Fifth level</a:t>
            </a:r>
            <a:endParaRPr lang="en-US" dirty="0"/>
          </a:p>
        </p:txBody>
      </p:sp>
      <p:sp>
        <p:nvSpPr>
          <p:cNvPr id="3" name="TextBox 2"/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itchFamily="34" charset="0"/>
                <a:cs typeface="adidasFG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  <a:endParaRPr lang="en-US" sz="700" dirty="0">
              <a:solidFill>
                <a:sysClr val="windowText" lastClr="000000"/>
              </a:solidFill>
              <a:latin typeface="adidasFG" pitchFamily="34" charset="0"/>
              <a:cs typeface="adidasFG" pitchFamily="34" charset="0"/>
            </a:endParaRPr>
          </a:p>
        </p:txBody>
      </p:sp>
      <p:grpSp>
        <p:nvGrpSpPr>
          <p:cNvPr id="6" name="Group 5"/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/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itchFamily="34" charset="0"/>
              </a:endParaRPr>
            </a:p>
          </p:txBody>
        </p:sp>
        <p:sp>
          <p:nvSpPr>
            <p:cNvPr id="9" name="Freeform: Shape 8"/>
            <p:cNvSpPr/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/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/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8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9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8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3"/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3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/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6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31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/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  <a:endParaRPr lang="en-GB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/>
          <p:cNvSpPr txBox="1"/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emi lucid Red</a:t>
            </a:r>
            <a:endParaRPr lang="en-US" sz="7000" dirty="0">
              <a:latin typeface="adidasFG Compressed" panose="020B0508030503020204" pitchFamily="34" charset="0"/>
            </a:endParaRPr>
          </a:p>
        </p:txBody>
      </p:sp>
      <p:sp>
        <p:nvSpPr>
          <p:cNvPr id="5" name="Rectangle 4"/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6" name="Rectangle 5"/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7" name="Rectangle 6"/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8" name="Rectangle 7"/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9" name="Rectangle 8"/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10" name="Rectangle 9"/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</p:spTree>
  </p:cSld>
  <p:clrMapOvr>
    <a:masterClrMapping/>
  </p:clrMapOvr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9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18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</p:spTree>
  </p:cSld>
  <p:clrMapOvr>
    <a:masterClrMapping/>
  </p:clrMapOvr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1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5945" indent="-575945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itchFamily="34" charset="0"/>
                <a:cs typeface="adidasFG" pitchFamily="34" charset="0"/>
              </a:defRPr>
            </a:lvl2pPr>
            <a:lvl3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3pPr>
            <a:lvl4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4pPr>
            <a:lvl5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5pPr>
            <a:lvl6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6pPr>
            <a:lvl7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7pPr>
            <a:lvl8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8pPr>
            <a:lvl9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 noProof="0" dirty="0"/>
          </a:p>
          <a:p>
            <a:pPr lvl="1"/>
            <a:r>
              <a:rPr lang="en-US" noProof="0" dirty="0"/>
              <a:t>Speaker, time or additional information</a:t>
            </a:r>
            <a:endParaRPr lang="en-US" noProof="0" dirty="0"/>
          </a:p>
        </p:txBody>
      </p:sp>
      <p:sp>
        <p:nvSpPr>
          <p:cNvPr id="7" name="Date Placeholder 1"/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9" name="Slide Number Placeholder 9"/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itel 9"/>
          <p:cNvSpPr txBox="1"/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  <a:endParaRPr lang="en-US" b="0" dirty="0">
              <a:latin typeface="adidasFG Compressed" panose="020B0508030503020204" pitchFamily="34" charset="0"/>
            </a:endParaRPr>
          </a:p>
        </p:txBody>
      </p:sp>
    </p:spTree>
  </p:cSld>
  <p:clrMapOvr>
    <a:masterClrMapping/>
  </p:clrMapOvr>
</p:sldLayout>
</file>

<file path=ppt/slideLayouts/slideLayout1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  <a:endParaRPr lang="en-US" dirty="0"/>
          </a:p>
        </p:txBody>
      </p:sp>
    </p:spTree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9" name="Title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/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10" name="Title 9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145" indent="-144145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145" indent="-144145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290" indent="-144145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290" indent="-144145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 dirty="0"/>
          </a:p>
          <a:p>
            <a:pPr lvl="2"/>
            <a:r>
              <a:rPr lang="en-US" dirty="0"/>
              <a:t>Third level</a:t>
            </a:r>
            <a:endParaRPr lang="en-US" dirty="0"/>
          </a:p>
          <a:p>
            <a:pPr lvl="3"/>
            <a:r>
              <a:rPr lang="en-US" dirty="0"/>
              <a:t>Fourth level</a:t>
            </a:r>
            <a:endParaRPr lang="en-US" dirty="0"/>
          </a:p>
          <a:p>
            <a:pPr lvl="4"/>
            <a:r>
              <a:rPr lang="en-US" dirty="0"/>
              <a:t>Fifth level</a:t>
            </a:r>
            <a:endParaRPr lang="en-US" dirty="0"/>
          </a:p>
        </p:txBody>
      </p:sp>
      <p:sp>
        <p:nvSpPr>
          <p:cNvPr id="3" name="TextBox 2"/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itchFamily="34" charset="0"/>
                <a:cs typeface="adidasFG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  <a:endParaRPr lang="en-US" sz="700" dirty="0">
              <a:solidFill>
                <a:sysClr val="windowText" lastClr="000000"/>
              </a:solidFill>
              <a:latin typeface="adidasFG" pitchFamily="34" charset="0"/>
              <a:cs typeface="adidasFG" pitchFamily="34" charset="0"/>
            </a:endParaRPr>
          </a:p>
        </p:txBody>
      </p:sp>
      <p:grpSp>
        <p:nvGrpSpPr>
          <p:cNvPr id="6" name="Group 5"/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/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itchFamily="34" charset="0"/>
              </a:endParaRPr>
            </a:p>
          </p:txBody>
        </p:sp>
        <p:sp>
          <p:nvSpPr>
            <p:cNvPr id="9" name="Freeform: Shape 8"/>
            <p:cNvSpPr/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/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/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8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1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1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1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9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18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</p:spTree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9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3"/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3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/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6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31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/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9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/>
          <p:cNvSpPr txBox="1"/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Yellow</a:t>
            </a:r>
            <a:endParaRPr lang="en-US" sz="7000" dirty="0">
              <a:latin typeface="adidasFG Compressed" panose="020B0508030503020204" pitchFamily="34" charset="0"/>
            </a:endParaRPr>
          </a:p>
        </p:txBody>
      </p:sp>
      <p:sp>
        <p:nvSpPr>
          <p:cNvPr id="5" name="Rectangle 4"/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6" name="Rectangle 5"/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7" name="Rectangle 6"/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8" name="Rectangle 7"/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9" name="Rectangle 8"/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10" name="Rectangle 9"/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</p:spTree>
  </p:cSld>
  <p:clrMapOvr>
    <a:masterClrMapping/>
  </p:clrMapOvr>
</p:sldLayout>
</file>

<file path=ppt/slideLayouts/slideLayout2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9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18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</p:spTree>
  </p:cSld>
  <p:clrMapOvr>
    <a:masterClrMapping/>
  </p:clrMapOvr>
</p:sldLayout>
</file>

<file path=ppt/slideLayouts/slideLayout2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2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2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2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2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5945" indent="-575945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itchFamily="34" charset="0"/>
                <a:cs typeface="adidasFG" pitchFamily="34" charset="0"/>
              </a:defRPr>
            </a:lvl2pPr>
            <a:lvl3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3pPr>
            <a:lvl4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4pPr>
            <a:lvl5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5pPr>
            <a:lvl6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6pPr>
            <a:lvl7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7pPr>
            <a:lvl8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8pPr>
            <a:lvl9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 noProof="0" dirty="0"/>
          </a:p>
          <a:p>
            <a:pPr lvl="1"/>
            <a:r>
              <a:rPr lang="en-US" noProof="0" dirty="0"/>
              <a:t>Speaker, time or additional information</a:t>
            </a:r>
            <a:endParaRPr lang="en-US" noProof="0" dirty="0"/>
          </a:p>
        </p:txBody>
      </p:sp>
      <p:sp>
        <p:nvSpPr>
          <p:cNvPr id="7" name="Date Placeholder 1"/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9" name="Slide Number Placeholder 9"/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itel 9"/>
          <p:cNvSpPr txBox="1"/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  <a:endParaRPr lang="en-US" b="0" dirty="0">
              <a:latin typeface="adidasFG Compressed" panose="020B0508030503020204" pitchFamily="34" charset="0"/>
            </a:endParaRPr>
          </a:p>
        </p:txBody>
      </p:sp>
    </p:spTree>
  </p:cSld>
  <p:clrMapOvr>
    <a:masterClrMapping/>
  </p:clrMapOvr>
</p:sldLayout>
</file>

<file path=ppt/slideLayouts/slideLayout2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  <a:endParaRPr lang="en-US" dirty="0"/>
          </a:p>
        </p:txBody>
      </p:sp>
    </p:spTree>
  </p:cSld>
  <p:clrMapOvr>
    <a:masterClrMapping/>
  </p:clrMapOvr>
</p:sldLayout>
</file>

<file path=ppt/slideLayouts/slideLayout2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9" name="Title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/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10" name="Title 9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145" indent="-144145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145" indent="-144145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290" indent="-144145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290" indent="-144145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 dirty="0"/>
          </a:p>
          <a:p>
            <a:pPr lvl="2"/>
            <a:r>
              <a:rPr lang="en-US" dirty="0"/>
              <a:t>Third level</a:t>
            </a:r>
            <a:endParaRPr lang="en-US" dirty="0"/>
          </a:p>
          <a:p>
            <a:pPr lvl="3"/>
            <a:r>
              <a:rPr lang="en-US" dirty="0"/>
              <a:t>Fourth level</a:t>
            </a:r>
            <a:endParaRPr lang="en-US" dirty="0"/>
          </a:p>
          <a:p>
            <a:pPr lvl="4"/>
            <a:r>
              <a:rPr lang="en-US" dirty="0"/>
              <a:t>Fifth level</a:t>
            </a:r>
            <a:endParaRPr lang="en-US" dirty="0"/>
          </a:p>
        </p:txBody>
      </p:sp>
      <p:sp>
        <p:nvSpPr>
          <p:cNvPr id="3" name="TextBox 2"/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itchFamily="34" charset="0"/>
                <a:cs typeface="adidasFG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  <a:endParaRPr lang="en-US" sz="700" dirty="0">
              <a:solidFill>
                <a:sysClr val="windowText" lastClr="000000"/>
              </a:solidFill>
              <a:latin typeface="adidasFG" pitchFamily="34" charset="0"/>
              <a:cs typeface="adidasFG" pitchFamily="34" charset="0"/>
            </a:endParaRPr>
          </a:p>
        </p:txBody>
      </p:sp>
      <p:grpSp>
        <p:nvGrpSpPr>
          <p:cNvPr id="6" name="Group 5"/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/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itchFamily="34" charset="0"/>
              </a:endParaRPr>
            </a:p>
          </p:txBody>
        </p:sp>
        <p:sp>
          <p:nvSpPr>
            <p:cNvPr id="9" name="Freeform: Shape 8"/>
            <p:cNvSpPr/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/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/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8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2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2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9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3"/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3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/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4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6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31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/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2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/>
          <p:cNvSpPr txBox="1"/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</a:t>
            </a:r>
            <a:r>
              <a:rPr lang="en-US" sz="7000" dirty="0" err="1">
                <a:latin typeface="adidasFG Compressed" panose="020B0508030503020204" pitchFamily="34" charset="0"/>
              </a:rPr>
              <a:t>Puls</a:t>
            </a:r>
            <a:r>
              <a:rPr lang="en-US" sz="7000" dirty="0">
                <a:latin typeface="adidasFG Compressed" panose="020B0508030503020204" pitchFamily="34" charset="0"/>
              </a:rPr>
              <a:t> Lime</a:t>
            </a:r>
            <a:endParaRPr lang="en-US" sz="7000" dirty="0">
              <a:latin typeface="adidasFG Compressed" panose="020B0508030503020204" pitchFamily="34" charset="0"/>
            </a:endParaRPr>
          </a:p>
        </p:txBody>
      </p:sp>
      <p:sp>
        <p:nvSpPr>
          <p:cNvPr id="5" name="Rectangle 4"/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6" name="Rectangle 5"/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7" name="Rectangle 6"/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8" name="Rectangle 7"/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9" name="Rectangle 8"/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10" name="Rectangle 9"/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</p:spTree>
  </p:cSld>
  <p:clrMapOvr>
    <a:masterClrMapping/>
  </p:clrMapOvr>
</p:sldLayout>
</file>

<file path=ppt/slideLayouts/slideLayout2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9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18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</p:spTree>
  </p:cSld>
  <p:clrMapOvr>
    <a:masterClrMapping/>
  </p:clrMapOvr>
</p:sldLayout>
</file>

<file path=ppt/slideLayouts/slideLayout2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2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2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2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accent4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2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2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5945" indent="-575945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itchFamily="34" charset="0"/>
                <a:cs typeface="adidasFG" pitchFamily="34" charset="0"/>
              </a:defRPr>
            </a:lvl2pPr>
            <a:lvl3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3pPr>
            <a:lvl4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4pPr>
            <a:lvl5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5pPr>
            <a:lvl6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6pPr>
            <a:lvl7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7pPr>
            <a:lvl8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8pPr>
            <a:lvl9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 noProof="0" dirty="0"/>
          </a:p>
          <a:p>
            <a:pPr lvl="1"/>
            <a:r>
              <a:rPr lang="en-US" noProof="0" dirty="0"/>
              <a:t>Speaker, time or additional information</a:t>
            </a:r>
            <a:endParaRPr lang="en-US" noProof="0" dirty="0"/>
          </a:p>
        </p:txBody>
      </p:sp>
      <p:sp>
        <p:nvSpPr>
          <p:cNvPr id="7" name="Date Placeholder 1"/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9" name="Slide Number Placeholder 9"/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itel 9"/>
          <p:cNvSpPr txBox="1"/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  <a:endParaRPr lang="en-US" b="0" dirty="0">
              <a:latin typeface="adidasFG Compressed" panose="020B0508030503020204" pitchFamily="34" charset="0"/>
            </a:endParaRPr>
          </a:p>
        </p:txBody>
      </p:sp>
    </p:spTree>
  </p:cSld>
  <p:clrMapOvr>
    <a:masterClrMapping/>
  </p:clrMapOvr>
</p:sldLayout>
</file>

<file path=ppt/slideLayouts/slideLayout2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  <a:endParaRPr lang="en-US" dirty="0"/>
          </a:p>
        </p:txBody>
      </p:sp>
    </p:spTree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9" name="Title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/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10" name="Title 9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145" indent="-144145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145" indent="-144145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290" indent="-144145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290" indent="-144145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 dirty="0"/>
          </a:p>
          <a:p>
            <a:pPr lvl="2"/>
            <a:r>
              <a:rPr lang="en-US" dirty="0"/>
              <a:t>Third level</a:t>
            </a:r>
            <a:endParaRPr lang="en-US" dirty="0"/>
          </a:p>
          <a:p>
            <a:pPr lvl="3"/>
            <a:r>
              <a:rPr lang="en-US" dirty="0"/>
              <a:t>Fourth level</a:t>
            </a:r>
            <a:endParaRPr lang="en-US" dirty="0"/>
          </a:p>
          <a:p>
            <a:pPr lvl="4"/>
            <a:r>
              <a:rPr lang="en-US" dirty="0"/>
              <a:t>Fifth level</a:t>
            </a:r>
            <a:endParaRPr lang="en-US" dirty="0"/>
          </a:p>
        </p:txBody>
      </p:sp>
      <p:sp>
        <p:nvSpPr>
          <p:cNvPr id="3" name="TextBox 2"/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itchFamily="34" charset="0"/>
                <a:cs typeface="adidasFG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  <a:endParaRPr lang="en-US" sz="700" dirty="0">
              <a:solidFill>
                <a:sysClr val="windowText" lastClr="000000"/>
              </a:solidFill>
              <a:latin typeface="adidasFG" pitchFamily="34" charset="0"/>
              <a:cs typeface="adidasFG" pitchFamily="34" charset="0"/>
            </a:endParaRPr>
          </a:p>
        </p:txBody>
      </p:sp>
      <p:grpSp>
        <p:nvGrpSpPr>
          <p:cNvPr id="6" name="Group 5"/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/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itchFamily="34" charset="0"/>
              </a:endParaRPr>
            </a:p>
          </p:txBody>
        </p:sp>
        <p:sp>
          <p:nvSpPr>
            <p:cNvPr id="9" name="Freeform: Shape 8"/>
            <p:cNvSpPr/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/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/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8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2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2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9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2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3"/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3"/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3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/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6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31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/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0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3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3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3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3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3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3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4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5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16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0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1" name="Text Placeholder 16"/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9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0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6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20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1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2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31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GB" noProof="0"/>
              <a:t>Click to edit Master text styles</a:t>
            </a:r>
            <a:endParaRPr lang="en-GB" noProof="0"/>
          </a:p>
          <a:p>
            <a:pPr lvl="1"/>
            <a:r>
              <a:rPr lang="en-GB" noProof="0"/>
              <a:t>Second level</a:t>
            </a:r>
            <a:endParaRPr lang="en-GB" noProof="0"/>
          </a:p>
          <a:p>
            <a:pPr lvl="2"/>
            <a:r>
              <a:rPr lang="en-GB" noProof="0"/>
              <a:t>Third level</a:t>
            </a:r>
            <a:endParaRPr lang="en-GB" noProof="0"/>
          </a:p>
          <a:p>
            <a:pPr lvl="3"/>
            <a:r>
              <a:rPr lang="en-GB" noProof="0"/>
              <a:t>Fourth level</a:t>
            </a:r>
            <a:endParaRPr lang="en-GB" noProof="0"/>
          </a:p>
          <a:p>
            <a:pPr lvl="4"/>
            <a:r>
              <a:rPr lang="en-GB" noProof="0"/>
              <a:t>Fifth level</a:t>
            </a:r>
            <a:endParaRPr lang="en-US" noProof="0" dirty="0"/>
          </a:p>
        </p:txBody>
      </p:sp>
      <p:sp>
        <p:nvSpPr>
          <p:cNvPr id="33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4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5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36" name="Text Placeholder 32"/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  <a:endParaRPr lang="en-GB"/>
          </a:p>
          <a:p>
            <a:pPr lvl="1"/>
            <a:r>
              <a:rPr lang="en-GB"/>
              <a:t>Second level</a:t>
            </a:r>
            <a:endParaRPr lang="en-GB"/>
          </a:p>
          <a:p>
            <a:pPr lvl="2"/>
            <a:r>
              <a:rPr lang="en-GB"/>
              <a:t>Third level</a:t>
            </a:r>
            <a:endParaRPr lang="en-GB"/>
          </a:p>
          <a:p>
            <a:pPr lvl="3"/>
            <a:r>
              <a:rPr lang="en-GB"/>
              <a:t>Fourth level</a:t>
            </a:r>
            <a:endParaRPr lang="en-GB"/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+mj-lt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  <a:endParaRPr lang="en-GB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GB"/>
              <a:t>Click to edit Master text styles</a:t>
            </a:r>
            <a:endParaRPr lang="en-GB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  <a:endParaRPr lang="en-GB"/>
          </a:p>
        </p:txBody>
      </p:sp>
    </p:spTree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  <a:endParaRPr lang="en-GB"/>
          </a:p>
        </p:txBody>
      </p:sp>
    </p:spTree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  <a:endParaRPr lang="en-GB"/>
          </a:p>
        </p:txBody>
      </p:sp>
    </p:spTree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  <a:endParaRPr lang="en-GB"/>
          </a:p>
        </p:txBody>
      </p:sp>
    </p:spTree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  <a:endParaRPr lang="en-GB"/>
          </a:p>
        </p:txBody>
      </p:sp>
    </p:spTree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  <a:endParaRPr lang="en-GB"/>
          </a:p>
        </p:txBody>
      </p:sp>
    </p:spTree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4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GB"/>
              <a:t>Click to edit Master text styles</a:t>
            </a:r>
            <a:endParaRPr lang="en-GB"/>
          </a:p>
        </p:txBody>
      </p:sp>
    </p:spTree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/>
          <p:cNvSpPr txBox="1"/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Neutrals</a:t>
            </a:r>
            <a:endParaRPr lang="en-US" sz="7000" dirty="0">
              <a:latin typeface="adidasFG Compressed" panose="020B0508030503020204" pitchFamily="34" charset="0"/>
            </a:endParaRPr>
          </a:p>
        </p:txBody>
      </p:sp>
      <p:sp>
        <p:nvSpPr>
          <p:cNvPr id="5" name="Rectangle 4"/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6" name="Rectangle 5"/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7" name="Rectangle 6"/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8" name="Rectangle 7"/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9" name="Rectangle 8"/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10" name="Rectangle 9"/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</p:spTree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9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18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</p:spTree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5945" indent="-575945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itchFamily="34" charset="0"/>
                <a:cs typeface="adidasFG" pitchFamily="34" charset="0"/>
              </a:defRPr>
            </a:lvl2pPr>
            <a:lvl3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3pPr>
            <a:lvl4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4pPr>
            <a:lvl5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5pPr>
            <a:lvl6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6pPr>
            <a:lvl7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7pPr>
            <a:lvl8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8pPr>
            <a:lvl9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 noProof="0" dirty="0"/>
          </a:p>
          <a:p>
            <a:pPr lvl="1"/>
            <a:r>
              <a:rPr lang="en-US" noProof="0" dirty="0"/>
              <a:t>Speaker, time or additional information</a:t>
            </a:r>
            <a:endParaRPr lang="en-US" noProof="0" dirty="0"/>
          </a:p>
        </p:txBody>
      </p:sp>
      <p:sp>
        <p:nvSpPr>
          <p:cNvPr id="7" name="Date Placeholder 1"/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9" name="Slide Number Placeholder 9"/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itel 9"/>
          <p:cNvSpPr txBox="1"/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  <a:endParaRPr lang="en-US" b="0" dirty="0">
              <a:latin typeface="adidasFG Compressed" panose="020B0508030503020204" pitchFamily="34" charset="0"/>
            </a:endParaRPr>
          </a:p>
        </p:txBody>
      </p:sp>
    </p:spTree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  <a:endParaRPr lang="en-US" dirty="0"/>
          </a:p>
        </p:txBody>
      </p:sp>
    </p:spTree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2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4031655" y="1152387"/>
            <a:ext cx="34555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3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2303067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879527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5471815" y="1152387"/>
            <a:ext cx="2303661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9" name="Title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4x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4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ext Placeholder 15"/>
          <p:cNvSpPr>
            <a:spLocks noGrp="1"/>
          </p:cNvSpPr>
          <p:nvPr>
            <p:ph type="body" sz="quarter" idx="33"/>
          </p:nvPr>
        </p:nvSpPr>
        <p:spPr bwMode="gray">
          <a:xfrm>
            <a:off x="2303463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15"/>
          <p:cNvSpPr>
            <a:spLocks noGrp="1"/>
          </p:cNvSpPr>
          <p:nvPr>
            <p:ph type="body" sz="quarter" idx="34"/>
          </p:nvPr>
        </p:nvSpPr>
        <p:spPr bwMode="gray">
          <a:xfrm>
            <a:off x="4319687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9" name="Text Placeholder 15"/>
          <p:cNvSpPr>
            <a:spLocks noGrp="1"/>
          </p:cNvSpPr>
          <p:nvPr>
            <p:ph type="body" sz="quarter" idx="35"/>
          </p:nvPr>
        </p:nvSpPr>
        <p:spPr bwMode="gray">
          <a:xfrm>
            <a:off x="6335911" y="1152387"/>
            <a:ext cx="1728392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10" name="Title 9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863600" y="2305049"/>
            <a:ext cx="2879725" cy="2303661"/>
          </a:xfrm>
        </p:spPr>
        <p:txBody>
          <a:bodyPr/>
          <a:lstStyle>
            <a:lvl1pPr>
              <a:lnSpc>
                <a:spcPct val="80000"/>
              </a:lnSpc>
              <a:defRPr sz="1600" b="1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0" indent="0">
              <a:buNone/>
              <a:defRPr b="0">
                <a:solidFill>
                  <a:schemeClr val="bg1"/>
                </a:solidFill>
              </a:defRPr>
            </a:lvl2pPr>
            <a:lvl3pPr marL="144145" indent="-144145">
              <a:buFont typeface="Wingdings" panose="05000000000000000000" pitchFamily="2" charset="2"/>
              <a:buChar char="§"/>
              <a:defRPr b="0">
                <a:solidFill>
                  <a:schemeClr val="bg1"/>
                </a:solidFill>
              </a:defRPr>
            </a:lvl3pPr>
            <a:lvl4pPr marL="144145" indent="-144145">
              <a:buFont typeface="+mj-lt"/>
              <a:buAutoNum type="arabicPeriod"/>
              <a:defRPr b="0">
                <a:solidFill>
                  <a:schemeClr val="bg1"/>
                </a:solidFill>
              </a:defRPr>
            </a:lvl4pPr>
            <a:lvl5pPr marL="288290" indent="-144145">
              <a:buFont typeface="adidasFG Compressed" panose="020B0508030503020204" pitchFamily="34" charset="0"/>
              <a:buChar char="–"/>
              <a:defRPr b="0">
                <a:solidFill>
                  <a:schemeClr val="bg1"/>
                </a:solidFill>
              </a:defRPr>
            </a:lvl5pPr>
            <a:lvl6pPr marL="288290" indent="-144145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+mj-lt"/>
              <a:buAutoNum type="alphaLcPeriod"/>
              <a:defRPr b="0" cap="none" spc="0" baseline="0">
                <a:solidFill>
                  <a:schemeClr val="bg1"/>
                </a:solidFill>
              </a:defRPr>
            </a:lvl6pPr>
            <a:lvl7pPr>
              <a:lnSpc>
                <a:spcPct val="80000"/>
              </a:lnSpc>
              <a:spcBef>
                <a:spcPts val="900"/>
              </a:spcBef>
              <a:spcAft>
                <a:spcPts val="300"/>
              </a:spcAft>
              <a:defRPr sz="1000" b="1" cap="all" spc="60" baseline="0"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 dirty="0"/>
          </a:p>
          <a:p>
            <a:pPr lvl="2"/>
            <a:r>
              <a:rPr lang="en-US" dirty="0"/>
              <a:t>Third level</a:t>
            </a:r>
            <a:endParaRPr lang="en-US" dirty="0"/>
          </a:p>
          <a:p>
            <a:pPr lvl="3"/>
            <a:r>
              <a:rPr lang="en-US" dirty="0"/>
              <a:t>Fourth level</a:t>
            </a:r>
            <a:endParaRPr lang="en-US" dirty="0"/>
          </a:p>
          <a:p>
            <a:pPr lvl="4"/>
            <a:r>
              <a:rPr lang="en-US" dirty="0"/>
              <a:t>Fifth level</a:t>
            </a:r>
            <a:endParaRPr lang="en-US" dirty="0"/>
          </a:p>
        </p:txBody>
      </p:sp>
      <p:sp>
        <p:nvSpPr>
          <p:cNvPr id="3" name="TextBox 2"/>
          <p:cNvSpPr txBox="1"/>
          <p:nvPr userDrawn="1"/>
        </p:nvSpPr>
        <p:spPr bwMode="gray">
          <a:xfrm>
            <a:off x="-1260909" y="2304354"/>
            <a:ext cx="1138101" cy="864295"/>
          </a:xfrm>
          <a:prstGeom prst="rect">
            <a:avLst/>
          </a:prstGeom>
          <a:noFill/>
        </p:spPr>
        <p:txBody>
          <a:bodyPr vert="horz" wrap="square" lIns="0" tIns="0" rIns="0" bIns="0" rtlCol="0" anchor="t" anchorCtr="0">
            <a:noAutofit/>
          </a:bodyPr>
          <a:lstStyle/>
          <a:p>
            <a:pPr marL="0" lvl="2" indent="0" algn="just">
              <a:spcBef>
                <a:spcPts val="300"/>
              </a:spcBef>
              <a:spcAft>
                <a:spcPts val="0"/>
              </a:spcAft>
              <a:buSzPct val="90000"/>
            </a:pPr>
            <a:r>
              <a:rPr lang="en-US" sz="700" dirty="0">
                <a:solidFill>
                  <a:sysClr val="windowText" lastClr="000000"/>
                </a:solidFill>
                <a:latin typeface="adidasFG" pitchFamily="34" charset="0"/>
                <a:cs typeface="adidasFG" pitchFamily="34" charset="0"/>
              </a:rPr>
              <a:t>Place this textbox where it fits the best/where it’s readable the best. You can darken the image to increase readability or change the text color to black, if there isn’t enough contrast between text and background image.</a:t>
            </a:r>
            <a:endParaRPr lang="en-US" sz="700" dirty="0">
              <a:solidFill>
                <a:sysClr val="windowText" lastClr="000000"/>
              </a:solidFill>
              <a:latin typeface="adidasFG" pitchFamily="34" charset="0"/>
              <a:cs typeface="adidasFG" pitchFamily="34" charset="0"/>
            </a:endParaRPr>
          </a:p>
        </p:txBody>
      </p:sp>
      <p:grpSp>
        <p:nvGrpSpPr>
          <p:cNvPr id="6" name="Group 5"/>
          <p:cNvGrpSpPr/>
          <p:nvPr userDrawn="1"/>
        </p:nvGrpSpPr>
        <p:grpSpPr bwMode="gray">
          <a:xfrm>
            <a:off x="-1260909" y="2016323"/>
            <a:ext cx="215329" cy="215329"/>
            <a:chOff x="-1224929" y="2016323"/>
            <a:chExt cx="215329" cy="215329"/>
          </a:xfrm>
        </p:grpSpPr>
        <p:sp>
          <p:nvSpPr>
            <p:cNvPr id="8" name="Rectangle 7"/>
            <p:cNvSpPr/>
            <p:nvPr/>
          </p:nvSpPr>
          <p:spPr bwMode="gray">
            <a:xfrm>
              <a:off x="-1224929" y="2016323"/>
              <a:ext cx="215329" cy="215329"/>
            </a:xfrm>
            <a:prstGeom prst="rect">
              <a:avLst/>
            </a:prstGeom>
            <a:solidFill>
              <a:schemeClr val="bg2"/>
            </a:solidFill>
            <a:ln w="3175" cap="sq">
              <a:solidFill>
                <a:schemeClr val="tx1"/>
              </a:solidFill>
              <a:miter lim="800000"/>
            </a:ln>
            <a:effectLst/>
          </p:spPr>
          <p:style>
            <a:lnRef idx="3">
              <a:schemeClr val="lt1"/>
            </a:lnRef>
            <a:fillRef idx="1">
              <a:schemeClr val="accent1"/>
            </a:fillRef>
            <a:effectRef idx="1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      <a:noAutofit/>
            </a:bodyPr>
            <a:lstStyle/>
            <a:p>
              <a:pPr algn="ctr">
                <a:lnSpc>
                  <a:spcPct val="75000"/>
                </a:lnSpc>
                <a:spcAft>
                  <a:spcPts val="0"/>
                </a:spcAft>
              </a:pPr>
              <a:endParaRPr lang="en-US" sz="1800" b="1" cap="all" spc="20" baseline="0" dirty="0" err="1">
                <a:solidFill>
                  <a:schemeClr val="bg1"/>
                </a:solidFill>
                <a:latin typeface="adidasFG Compressed" panose="020B0508030503020204" pitchFamily="34" charset="0"/>
                <a:cs typeface="adidasFG" pitchFamily="34" charset="0"/>
              </a:endParaRPr>
            </a:p>
          </p:txBody>
        </p:sp>
        <p:sp>
          <p:nvSpPr>
            <p:cNvPr id="9" name="Freeform: Shape 8"/>
            <p:cNvSpPr/>
            <p:nvPr/>
          </p:nvSpPr>
          <p:spPr bwMode="gray">
            <a:xfrm>
              <a:off x="-1170110" y="2071143"/>
              <a:ext cx="105692" cy="105690"/>
            </a:xfrm>
            <a:custGeom>
              <a:avLst/>
              <a:gdLst>
                <a:gd name="connsiteX0" fmla="*/ 486095 w 1034025"/>
                <a:gd name="connsiteY0" fmla="*/ 699890 h 1034026"/>
                <a:gd name="connsiteX1" fmla="*/ 547930 w 1034025"/>
                <a:gd name="connsiteY1" fmla="*/ 699890 h 1034026"/>
                <a:gd name="connsiteX2" fmla="*/ 547930 w 1034025"/>
                <a:gd name="connsiteY2" fmla="*/ 916224 h 1034026"/>
                <a:gd name="connsiteX3" fmla="*/ 620224 w 1034025"/>
                <a:gd name="connsiteY3" fmla="*/ 843747 h 1034026"/>
                <a:gd name="connsiteX4" fmla="*/ 663896 w 1034025"/>
                <a:gd name="connsiteY4" fmla="*/ 887234 h 1034026"/>
                <a:gd name="connsiteX5" fmla="*/ 560408 w 1034025"/>
                <a:gd name="connsiteY5" fmla="*/ 990539 h 1034026"/>
                <a:gd name="connsiteX6" fmla="*/ 516921 w 1034025"/>
                <a:gd name="connsiteY6" fmla="*/ 1034026 h 1034026"/>
                <a:gd name="connsiteX7" fmla="*/ 473432 w 1034025"/>
                <a:gd name="connsiteY7" fmla="*/ 990539 h 1034026"/>
                <a:gd name="connsiteX8" fmla="*/ 370129 w 1034025"/>
                <a:gd name="connsiteY8" fmla="*/ 887234 h 1034026"/>
                <a:gd name="connsiteX9" fmla="*/ 413616 w 1034025"/>
                <a:gd name="connsiteY9" fmla="*/ 843747 h 1034026"/>
                <a:gd name="connsiteX10" fmla="*/ 486095 w 1034025"/>
                <a:gd name="connsiteY10" fmla="*/ 916224 h 1034026"/>
                <a:gd name="connsiteX11" fmla="*/ 887233 w 1034025"/>
                <a:gd name="connsiteY11" fmla="*/ 370129 h 1034026"/>
                <a:gd name="connsiteX12" fmla="*/ 990538 w 1034025"/>
                <a:gd name="connsiteY12" fmla="*/ 473617 h 1034026"/>
                <a:gd name="connsiteX13" fmla="*/ 1034025 w 1034025"/>
                <a:gd name="connsiteY13" fmla="*/ 517104 h 1034026"/>
                <a:gd name="connsiteX14" fmla="*/ 990538 w 1034025"/>
                <a:gd name="connsiteY14" fmla="*/ 560593 h 1034026"/>
                <a:gd name="connsiteX15" fmla="*/ 887233 w 1034025"/>
                <a:gd name="connsiteY15" fmla="*/ 663896 h 1034026"/>
                <a:gd name="connsiteX16" fmla="*/ 843746 w 1034025"/>
                <a:gd name="connsiteY16" fmla="*/ 620409 h 1034026"/>
                <a:gd name="connsiteX17" fmla="*/ 916223 w 1034025"/>
                <a:gd name="connsiteY17" fmla="*/ 547930 h 1034026"/>
                <a:gd name="connsiteX18" fmla="*/ 699889 w 1034025"/>
                <a:gd name="connsiteY18" fmla="*/ 547930 h 1034026"/>
                <a:gd name="connsiteX19" fmla="*/ 699889 w 1034025"/>
                <a:gd name="connsiteY19" fmla="*/ 486095 h 1034026"/>
                <a:gd name="connsiteX20" fmla="*/ 916223 w 1034025"/>
                <a:gd name="connsiteY20" fmla="*/ 486095 h 1034026"/>
                <a:gd name="connsiteX21" fmla="*/ 843746 w 1034025"/>
                <a:gd name="connsiteY21" fmla="*/ 413801 h 1034026"/>
                <a:gd name="connsiteX22" fmla="*/ 146792 w 1034025"/>
                <a:gd name="connsiteY22" fmla="*/ 370129 h 1034026"/>
                <a:gd name="connsiteX23" fmla="*/ 190279 w 1034025"/>
                <a:gd name="connsiteY23" fmla="*/ 413801 h 1034026"/>
                <a:gd name="connsiteX24" fmla="*/ 117802 w 1034025"/>
                <a:gd name="connsiteY24" fmla="*/ 486095 h 1034026"/>
                <a:gd name="connsiteX25" fmla="*/ 334136 w 1034025"/>
                <a:gd name="connsiteY25" fmla="*/ 486095 h 1034026"/>
                <a:gd name="connsiteX26" fmla="*/ 334136 w 1034025"/>
                <a:gd name="connsiteY26" fmla="*/ 547930 h 1034026"/>
                <a:gd name="connsiteX27" fmla="*/ 117802 w 1034025"/>
                <a:gd name="connsiteY27" fmla="*/ 547930 h 1034026"/>
                <a:gd name="connsiteX28" fmla="*/ 190279 w 1034025"/>
                <a:gd name="connsiteY28" fmla="*/ 620409 h 1034026"/>
                <a:gd name="connsiteX29" fmla="*/ 146792 w 1034025"/>
                <a:gd name="connsiteY29" fmla="*/ 663896 h 1034026"/>
                <a:gd name="connsiteX30" fmla="*/ 43487 w 1034025"/>
                <a:gd name="connsiteY30" fmla="*/ 560593 h 1034026"/>
                <a:gd name="connsiteX31" fmla="*/ 0 w 1034025"/>
                <a:gd name="connsiteY31" fmla="*/ 517104 h 1034026"/>
                <a:gd name="connsiteX32" fmla="*/ 43487 w 1034025"/>
                <a:gd name="connsiteY32" fmla="*/ 473617 h 1034026"/>
                <a:gd name="connsiteX33" fmla="*/ 516921 w 1034025"/>
                <a:gd name="connsiteY33" fmla="*/ 0 h 1034026"/>
                <a:gd name="connsiteX34" fmla="*/ 560408 w 1034025"/>
                <a:gd name="connsiteY34" fmla="*/ 43487 h 1034026"/>
                <a:gd name="connsiteX35" fmla="*/ 663896 w 1034025"/>
                <a:gd name="connsiteY35" fmla="*/ 146792 h 1034026"/>
                <a:gd name="connsiteX36" fmla="*/ 620224 w 1034025"/>
                <a:gd name="connsiteY36" fmla="*/ 190279 h 1034026"/>
                <a:gd name="connsiteX37" fmla="*/ 547930 w 1034025"/>
                <a:gd name="connsiteY37" fmla="*/ 117802 h 1034026"/>
                <a:gd name="connsiteX38" fmla="*/ 547930 w 1034025"/>
                <a:gd name="connsiteY38" fmla="*/ 334136 h 1034026"/>
                <a:gd name="connsiteX39" fmla="*/ 486095 w 1034025"/>
                <a:gd name="connsiteY39" fmla="*/ 334136 h 1034026"/>
                <a:gd name="connsiteX40" fmla="*/ 486095 w 1034025"/>
                <a:gd name="connsiteY40" fmla="*/ 117802 h 1034026"/>
                <a:gd name="connsiteX41" fmla="*/ 413616 w 1034025"/>
                <a:gd name="connsiteY41" fmla="*/ 190279 h 1034026"/>
                <a:gd name="connsiteX42" fmla="*/ 370129 w 1034025"/>
                <a:gd name="connsiteY42" fmla="*/ 146792 h 1034026"/>
                <a:gd name="connsiteX43" fmla="*/ 473432 w 1034025"/>
                <a:gd name="connsiteY43" fmla="*/ 43487 h 10340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1034025" h="1034026">
                  <a:moveTo>
                    <a:pt x="486095" y="699890"/>
                  </a:moveTo>
                  <a:lnTo>
                    <a:pt x="547930" y="699890"/>
                  </a:lnTo>
                  <a:lnTo>
                    <a:pt x="547930" y="916224"/>
                  </a:lnTo>
                  <a:lnTo>
                    <a:pt x="620224" y="843747"/>
                  </a:lnTo>
                  <a:lnTo>
                    <a:pt x="663896" y="887234"/>
                  </a:lnTo>
                  <a:lnTo>
                    <a:pt x="560408" y="990539"/>
                  </a:lnTo>
                  <a:lnTo>
                    <a:pt x="516921" y="1034026"/>
                  </a:lnTo>
                  <a:lnTo>
                    <a:pt x="473432" y="990539"/>
                  </a:lnTo>
                  <a:lnTo>
                    <a:pt x="370129" y="887234"/>
                  </a:lnTo>
                  <a:lnTo>
                    <a:pt x="413616" y="843747"/>
                  </a:lnTo>
                  <a:lnTo>
                    <a:pt x="486095" y="916224"/>
                  </a:lnTo>
                  <a:close/>
                  <a:moveTo>
                    <a:pt x="887233" y="370129"/>
                  </a:moveTo>
                  <a:lnTo>
                    <a:pt x="990538" y="473617"/>
                  </a:lnTo>
                  <a:lnTo>
                    <a:pt x="1034025" y="517104"/>
                  </a:lnTo>
                  <a:lnTo>
                    <a:pt x="990538" y="560593"/>
                  </a:lnTo>
                  <a:lnTo>
                    <a:pt x="887233" y="663896"/>
                  </a:lnTo>
                  <a:lnTo>
                    <a:pt x="843746" y="620409"/>
                  </a:lnTo>
                  <a:lnTo>
                    <a:pt x="916223" y="547930"/>
                  </a:lnTo>
                  <a:lnTo>
                    <a:pt x="699889" y="547930"/>
                  </a:lnTo>
                  <a:lnTo>
                    <a:pt x="699889" y="486095"/>
                  </a:lnTo>
                  <a:lnTo>
                    <a:pt x="916223" y="486095"/>
                  </a:lnTo>
                  <a:lnTo>
                    <a:pt x="843746" y="413801"/>
                  </a:lnTo>
                  <a:close/>
                  <a:moveTo>
                    <a:pt x="146792" y="370129"/>
                  </a:moveTo>
                  <a:lnTo>
                    <a:pt x="190279" y="413801"/>
                  </a:lnTo>
                  <a:lnTo>
                    <a:pt x="117802" y="486095"/>
                  </a:lnTo>
                  <a:lnTo>
                    <a:pt x="334136" y="486095"/>
                  </a:lnTo>
                  <a:lnTo>
                    <a:pt x="334136" y="547930"/>
                  </a:lnTo>
                  <a:lnTo>
                    <a:pt x="117802" y="547930"/>
                  </a:lnTo>
                  <a:lnTo>
                    <a:pt x="190279" y="620409"/>
                  </a:lnTo>
                  <a:lnTo>
                    <a:pt x="146792" y="663896"/>
                  </a:lnTo>
                  <a:lnTo>
                    <a:pt x="43487" y="560593"/>
                  </a:lnTo>
                  <a:lnTo>
                    <a:pt x="0" y="517104"/>
                  </a:lnTo>
                  <a:lnTo>
                    <a:pt x="43487" y="473617"/>
                  </a:lnTo>
                  <a:close/>
                  <a:moveTo>
                    <a:pt x="516921" y="0"/>
                  </a:moveTo>
                  <a:lnTo>
                    <a:pt x="560408" y="43487"/>
                  </a:lnTo>
                  <a:lnTo>
                    <a:pt x="663896" y="146792"/>
                  </a:lnTo>
                  <a:lnTo>
                    <a:pt x="620224" y="190279"/>
                  </a:lnTo>
                  <a:lnTo>
                    <a:pt x="547930" y="117802"/>
                  </a:lnTo>
                  <a:lnTo>
                    <a:pt x="547930" y="334136"/>
                  </a:lnTo>
                  <a:lnTo>
                    <a:pt x="486095" y="334136"/>
                  </a:lnTo>
                  <a:lnTo>
                    <a:pt x="486095" y="117802"/>
                  </a:lnTo>
                  <a:lnTo>
                    <a:pt x="413616" y="190279"/>
                  </a:lnTo>
                  <a:lnTo>
                    <a:pt x="370129" y="146792"/>
                  </a:lnTo>
                  <a:lnTo>
                    <a:pt x="473432" y="43487"/>
                  </a:lnTo>
                  <a:close/>
                </a:path>
              </a:pathLst>
            </a:custGeom>
            <a:solidFill>
              <a:schemeClr val="tx1"/>
            </a:solidFill>
            <a:ln w="0" cap="flat">
              <a:noFill/>
              <a:prstDash val="solid"/>
              <a:miter/>
            </a:ln>
          </p:spPr>
          <p:txBody>
            <a:bodyPr wrap="square" rtlCol="0" anchor="ctr">
              <a:noAutofit/>
            </a:bodyPr>
            <a:lstStyle/>
            <a:p>
              <a:endParaRPr lang="en-US" dirty="0"/>
            </a:p>
          </p:txBody>
        </p:sp>
      </p:grpSp>
      <p:sp>
        <p:nvSpPr>
          <p:cNvPr id="14" name="Footer Placeholder 13"/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5" name="Slide Number Placeholder 14"/>
          <p:cNvSpPr>
            <a:spLocks noGrp="1"/>
          </p:cNvSpPr>
          <p:nvPr>
            <p:ph type="sldNum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screen Image + 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8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bg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bg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5"/>
          <p:cNvSpPr>
            <a:spLocks noGrp="1"/>
          </p:cNvSpPr>
          <p:nvPr>
            <p:ph type="title" hasCustomPrompt="1"/>
          </p:nvPr>
        </p:nvSpPr>
        <p:spPr bwMode="gray">
          <a:xfrm>
            <a:off x="1439864" y="1728788"/>
            <a:ext cx="6335712" cy="1727198"/>
          </a:xfrm>
        </p:spPr>
        <p:txBody>
          <a:bodyPr anchor="ctr"/>
          <a:lstStyle>
            <a:lvl1pPr algn="ctr">
              <a:lnSpc>
                <a:spcPct val="100000"/>
              </a:lnSpc>
              <a:defRPr b="0" i="0" cap="none" spc="100" baseline="0">
                <a:solidFill>
                  <a:schemeClr val="tx1"/>
                </a:solidFill>
                <a:latin typeface="Denton Light" pitchFamily="50" charset="0"/>
              </a:defRPr>
            </a:lvl1pPr>
            <a:lvl2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2pPr>
            <a:lvl3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3pPr>
            <a:lvl4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4pPr>
            <a:lvl5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5pPr>
            <a:lvl6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6pPr>
            <a:lvl7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7pPr>
            <a:lvl8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8pPr>
            <a:lvl9pPr algn="ctr">
              <a:lnSpc>
                <a:spcPct val="100000"/>
              </a:lnSpc>
              <a:defRPr sz="1600" b="0" cap="none" spc="100" baseline="0">
                <a:solidFill>
                  <a:schemeClr val="tx1"/>
                </a:solidFill>
                <a:latin typeface="Denton Light" pitchFamily="50" charset="0"/>
              </a:defRPr>
            </a:lvl9pPr>
          </a:lstStyle>
          <a:p>
            <a:pPr lvl="0"/>
            <a:r>
              <a:rPr lang="en-US" dirty="0"/>
              <a:t>Expression quotes </a:t>
            </a:r>
            <a:br>
              <a:rPr lang="en-US" dirty="0"/>
            </a:br>
            <a:r>
              <a:rPr lang="en-US" dirty="0" err="1"/>
              <a:t>Bitatur</a:t>
            </a:r>
            <a:r>
              <a:rPr lang="en-US" dirty="0"/>
              <a:t> </a:t>
            </a:r>
            <a:r>
              <a:rPr lang="en-US" dirty="0" err="1"/>
              <a:t>Quia</a:t>
            </a:r>
            <a:r>
              <a:rPr lang="en-US" dirty="0"/>
              <a:t> id </a:t>
            </a:r>
            <a:r>
              <a:rPr lang="en-US" dirty="0" err="1"/>
              <a:t>maximporesto</a:t>
            </a:r>
            <a:r>
              <a:rPr lang="en-US" dirty="0"/>
              <a:t> blat </a:t>
            </a:r>
            <a:r>
              <a:rPr lang="en-US" dirty="0" err="1"/>
              <a:t>maionsedi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 err="1"/>
              <a:t>consed</a:t>
            </a:r>
            <a:r>
              <a:rPr lang="en-US" dirty="0"/>
              <a:t> </a:t>
            </a:r>
            <a:r>
              <a:rPr lang="en-US" dirty="0" err="1"/>
              <a:t>ulparum</a:t>
            </a:r>
            <a:r>
              <a:rPr lang="en-US" dirty="0"/>
              <a:t> </a:t>
            </a:r>
            <a:r>
              <a:rPr lang="en-US" dirty="0" err="1"/>
              <a:t>ipiet</a:t>
            </a:r>
            <a:r>
              <a:rPr lang="en-US" dirty="0"/>
              <a:t> </a:t>
            </a:r>
            <a:r>
              <a:rPr lang="en-US" dirty="0" err="1"/>
              <a:t>harupisimus</a:t>
            </a:r>
            <a:r>
              <a:rPr lang="en-US" dirty="0"/>
              <a:t>.</a:t>
            </a:r>
            <a:endParaRPr lang="en-US" dirty="0"/>
          </a:p>
        </p:txBody>
      </p:sp>
    </p:spTree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Mess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863600"/>
            <a:ext cx="4608512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3167063" y="2592388"/>
            <a:ext cx="2881312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5471622" y="288387"/>
            <a:ext cx="345609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472114" y="2628391"/>
            <a:ext cx="3455606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3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quarter" idx="36"/>
          </p:nvPr>
        </p:nvSpPr>
        <p:spPr bwMode="gray">
          <a:xfrm>
            <a:off x="2879527" y="1152387"/>
            <a:ext cx="230306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4895454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5" y="288387"/>
            <a:ext cx="4895454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5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4608688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319687" y="2628391"/>
            <a:ext cx="4608033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9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6"/>
            <a:ext cx="2268907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+mn-lt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4319032" y="28838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659946" y="28892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4319032" y="2628647"/>
            <a:ext cx="2268907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31" hasCustomPrompt="1"/>
          </p:nvPr>
        </p:nvSpPr>
        <p:spPr bwMode="gray">
          <a:xfrm>
            <a:off x="6659946" y="2629185"/>
            <a:ext cx="2267773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3744516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3744516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3744516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4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59" y="288387"/>
            <a:ext cx="5760161" cy="226799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8379" y="2628391"/>
            <a:ext cx="5759342" cy="226829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6"/>
            <a:ext cx="2844315" cy="4609051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5"/>
            <a:ext cx="2843838" cy="46077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4608512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560" y="288387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883" y="288926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" name="Picture Placeholder 3"/>
          <p:cNvSpPr>
            <a:spLocks noGrp="1"/>
          </p:cNvSpPr>
          <p:nvPr>
            <p:ph type="pic" sz="quarter" idx="33" hasCustomPrompt="1"/>
          </p:nvPr>
        </p:nvSpPr>
        <p:spPr bwMode="gray">
          <a:xfrm>
            <a:off x="3167560" y="2628549"/>
            <a:ext cx="2844315" cy="2268094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3"/>
          <p:cNvSpPr>
            <a:spLocks noGrp="1"/>
          </p:cNvSpPr>
          <p:nvPr>
            <p:ph type="pic" sz="quarter" idx="34" hasCustomPrompt="1"/>
          </p:nvPr>
        </p:nvSpPr>
        <p:spPr bwMode="gray">
          <a:xfrm>
            <a:off x="6083883" y="2629088"/>
            <a:ext cx="2843838" cy="2267458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" name="Footer Placeholder 9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4283982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723" y="1152227"/>
            <a:ext cx="4285570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9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4643723" y="3744514"/>
            <a:ext cx="316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807818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167559" y="1152227"/>
            <a:ext cx="2881414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119887" y="1152227"/>
            <a:ext cx="2809406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3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3167559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5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6119887" y="3744514"/>
            <a:ext cx="2304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28773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465578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4643723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6822019" y="1152227"/>
            <a:ext cx="2106137" cy="2303463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5" name="Text Placeholder 16"/>
          <p:cNvSpPr>
            <a:spLocks noGrp="1"/>
          </p:cNvSpPr>
          <p:nvPr>
            <p:ph type="body" sz="quarter" idx="38"/>
          </p:nvPr>
        </p:nvSpPr>
        <p:spPr bwMode="gray">
          <a:xfrm>
            <a:off x="28773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ext Placeholder 16"/>
          <p:cNvSpPr>
            <a:spLocks noGrp="1"/>
          </p:cNvSpPr>
          <p:nvPr>
            <p:ph type="body" sz="quarter" idx="45"/>
          </p:nvPr>
        </p:nvSpPr>
        <p:spPr bwMode="gray">
          <a:xfrm>
            <a:off x="2465578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ext Placeholder 16"/>
          <p:cNvSpPr>
            <a:spLocks noGrp="1"/>
          </p:cNvSpPr>
          <p:nvPr>
            <p:ph type="body" sz="quarter" idx="46"/>
          </p:nvPr>
        </p:nvSpPr>
        <p:spPr bwMode="gray">
          <a:xfrm>
            <a:off x="4643723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16"/>
          <p:cNvSpPr>
            <a:spLocks noGrp="1"/>
          </p:cNvSpPr>
          <p:nvPr>
            <p:ph type="body" sz="quarter" idx="47"/>
          </p:nvPr>
        </p:nvSpPr>
        <p:spPr bwMode="gray">
          <a:xfrm>
            <a:off x="6822019" y="3744514"/>
            <a:ext cx="1728000" cy="11529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7775180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083343" y="289469"/>
            <a:ext cx="284481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2844811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28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1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0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6083342" y="3744913"/>
            <a:ext cx="2305051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8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9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5945" indent="-575945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+mj-lt"/>
              </a:defRPr>
            </a:lvl1pPr>
            <a:lvl2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2pPr>
            <a:lvl3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3pPr>
            <a:lvl4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4pPr>
            <a:lvl5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5pPr>
            <a:lvl6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6pPr>
            <a:lvl7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7pPr>
            <a:lvl8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8pPr>
            <a:lvl9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 noProof="0" dirty="0"/>
          </a:p>
          <a:p>
            <a:pPr lvl="1"/>
            <a:r>
              <a:rPr lang="en-US" noProof="0" dirty="0"/>
              <a:t>Speaker, time or additional information</a:t>
            </a:r>
            <a:endParaRPr lang="en-US" noProof="0" dirty="0"/>
          </a:p>
        </p:txBody>
      </p:sp>
      <p:sp>
        <p:nvSpPr>
          <p:cNvPr id="7" name="Date Placeholder 1"/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9" name="Slide Number Placeholder 9"/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itel 9"/>
          <p:cNvSpPr txBox="1"/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/>
              <a:t>Content</a:t>
            </a:r>
            <a:endParaRPr lang="en-US" b="0" dirty="0"/>
          </a:p>
        </p:txBody>
      </p:sp>
    </p:spTree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7055991" y="289469"/>
            <a:ext cx="1872165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5111279" y="289469"/>
            <a:ext cx="1872704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872703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</a:t>
            </a:r>
            <a:br>
              <a:rPr lang="en-US" noProof="0" dirty="0"/>
            </a:br>
            <a:r>
              <a:rPr lang="en-US" noProof="0" dirty="0"/>
              <a:t>image directly out of your folder </a:t>
            </a:r>
            <a:br>
              <a:rPr lang="en-US" noProof="0" dirty="0"/>
            </a:br>
            <a:r>
              <a:rPr lang="en-US" noProof="0" dirty="0"/>
              <a:t>or copy the image, select the </a:t>
            </a:r>
            <a:br>
              <a:rPr lang="en-US" noProof="0" dirty="0"/>
            </a:br>
            <a:r>
              <a:rPr lang="en-US" noProof="0" dirty="0"/>
              <a:t>placeholder and hit paste.</a:t>
            </a:r>
            <a:endParaRPr lang="en-US" noProof="0" dirty="0"/>
          </a:p>
        </p:txBody>
      </p:sp>
      <p:sp>
        <p:nvSpPr>
          <p:cNvPr id="16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0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2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5111279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7055991" y="3744913"/>
            <a:ext cx="1584000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9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0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portrait + Tex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3167064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25225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083387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 hasCustomPrompt="1"/>
          </p:nvPr>
        </p:nvSpPr>
        <p:spPr bwMode="gray">
          <a:xfrm>
            <a:off x="7541549" y="289469"/>
            <a:ext cx="1386649" cy="3166519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</a:t>
            </a:r>
            <a:br>
              <a:rPr lang="en-US" noProof="0" dirty="0"/>
            </a:br>
            <a:r>
              <a:rPr lang="en-US" noProof="0" dirty="0"/>
              <a:t>an image directly out of </a:t>
            </a:r>
            <a:br>
              <a:rPr lang="en-US" noProof="0" dirty="0"/>
            </a:br>
            <a:r>
              <a:rPr lang="en-US" noProof="0" dirty="0"/>
              <a:t>your folder or copy the image, select the placeholder and </a:t>
            </a:r>
            <a:br>
              <a:rPr lang="en-US" noProof="0" dirty="0"/>
            </a:br>
            <a:r>
              <a:rPr lang="en-US" noProof="0" dirty="0"/>
              <a:t>hit paste.</a:t>
            </a:r>
            <a:endParaRPr lang="en-US" noProof="0" dirty="0"/>
          </a:p>
        </p:txBody>
      </p:sp>
      <p:sp>
        <p:nvSpPr>
          <p:cNvPr id="31" name="Text Placeholder 3"/>
          <p:cNvSpPr>
            <a:spLocks noGrp="1"/>
          </p:cNvSpPr>
          <p:nvPr>
            <p:ph type="body" sz="quarter" idx="35"/>
          </p:nvPr>
        </p:nvSpPr>
        <p:spPr bwMode="gray">
          <a:xfrm>
            <a:off x="287734" y="1152387"/>
            <a:ext cx="2591991" cy="2303601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 noProof="0"/>
          </a:p>
          <a:p>
            <a:pPr lvl="1"/>
            <a:r>
              <a:rPr lang="en-US" noProof="0"/>
              <a:t>Second level</a:t>
            </a:r>
            <a:endParaRPr lang="en-US" noProof="0"/>
          </a:p>
          <a:p>
            <a:pPr lvl="2"/>
            <a:r>
              <a:rPr lang="en-US" noProof="0"/>
              <a:t>Third level</a:t>
            </a:r>
            <a:endParaRPr lang="en-US" noProof="0"/>
          </a:p>
          <a:p>
            <a:pPr lvl="3"/>
            <a:r>
              <a:rPr lang="en-US" noProof="0"/>
              <a:t>Fourth level</a:t>
            </a:r>
            <a:endParaRPr lang="en-US" noProof="0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3" name="Text Placeholder 32"/>
          <p:cNvSpPr>
            <a:spLocks noGrp="1"/>
          </p:cNvSpPr>
          <p:nvPr>
            <p:ph type="body" sz="quarter" idx="45"/>
          </p:nvPr>
        </p:nvSpPr>
        <p:spPr bwMode="gray">
          <a:xfrm>
            <a:off x="3167063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4" name="Text Placeholder 32"/>
          <p:cNvSpPr>
            <a:spLocks noGrp="1"/>
          </p:cNvSpPr>
          <p:nvPr>
            <p:ph type="body" sz="quarter" idx="46"/>
          </p:nvPr>
        </p:nvSpPr>
        <p:spPr bwMode="gray">
          <a:xfrm>
            <a:off x="4625225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5" name="Text Placeholder 32"/>
          <p:cNvSpPr>
            <a:spLocks noGrp="1"/>
          </p:cNvSpPr>
          <p:nvPr>
            <p:ph type="body" sz="quarter" idx="47"/>
          </p:nvPr>
        </p:nvSpPr>
        <p:spPr bwMode="gray">
          <a:xfrm>
            <a:off x="6083387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6" name="Text Placeholder 32"/>
          <p:cNvSpPr>
            <a:spLocks noGrp="1"/>
          </p:cNvSpPr>
          <p:nvPr>
            <p:ph type="body" sz="quarter" idx="48"/>
          </p:nvPr>
        </p:nvSpPr>
        <p:spPr bwMode="gray">
          <a:xfrm>
            <a:off x="7541549" y="3744913"/>
            <a:ext cx="1152525" cy="11525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/>
          </p:nvPr>
        </p:nvSpPr>
        <p:spPr>
          <a:xfrm>
            <a:off x="287734" y="483393"/>
            <a:ext cx="2591991" cy="216000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160" baseline="0">
                <a:latin typeface="adidasFG Compressed" panose="020B0508030503020204" pitchFamily="34" charset="0"/>
              </a:defRPr>
            </a:lvl1pPr>
            <a:lvl2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2pPr>
            <a:lvl3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3pPr>
            <a:lvl4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4pPr>
            <a:lvl5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5pPr>
            <a:lvl6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6pPr>
            <a:lvl7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7pPr>
            <a:lvl8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8pPr>
            <a:lvl9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600" b="0" i="0" cap="all" spc="60" baseline="0"/>
            </a:lvl9pPr>
          </a:lstStyle>
          <a:p>
            <a:pPr lvl="0"/>
            <a:r>
              <a:rPr lang="en-US" dirty="0"/>
              <a:t>Click to edit Master subtitle style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287734" y="288387"/>
            <a:ext cx="2591991" cy="21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5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5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431958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74676" y="863600"/>
            <a:ext cx="3168650" cy="1441450"/>
          </a:xfrm>
        </p:spPr>
        <p:txBody>
          <a:bodyPr bIns="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1150938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9" y="288386"/>
            <a:ext cx="4608512" cy="460905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20" name="Title 19"/>
          <p:cNvSpPr>
            <a:spLocks noGrp="1"/>
          </p:cNvSpPr>
          <p:nvPr>
            <p:ph type="title" hasCustomPrompt="1"/>
          </p:nvPr>
        </p:nvSpPr>
        <p:spPr bwMode="gray">
          <a:xfrm>
            <a:off x="5471815" y="863600"/>
            <a:ext cx="3168650" cy="1441450"/>
          </a:xfrm>
        </p:spPr>
        <p:txBody>
          <a:bodyPr bIns="144000" anchor="b"/>
          <a:lstStyle>
            <a:lvl1pPr algn="ctr">
              <a:defRPr sz="16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several lines or less</a:t>
            </a:r>
            <a:endParaRPr lang="en-US" dirty="0"/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6048077" y="2592388"/>
            <a:ext cx="2016126" cy="1439862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6pPr>
            <a:lvl7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7pPr>
            <a:lvl8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8pPr>
            <a:lvl9pPr marL="0" indent="0" algn="ct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andscape 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8640861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4643723" y="288131"/>
            <a:ext cx="4284477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3167063" y="288131"/>
            <a:ext cx="288141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6119886" y="288131"/>
            <a:ext cx="2808313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icon to add am image.</a:t>
            </a:r>
            <a:br>
              <a:rPr lang="en-US" noProof="0" dirty="0"/>
            </a:br>
            <a:r>
              <a:rPr lang="en-US" noProof="0" dirty="0"/>
              <a:t>You can also drag and drop an image directly </a:t>
            </a:r>
            <a:br>
              <a:rPr lang="en-US" noProof="0" dirty="0"/>
            </a:br>
            <a:r>
              <a:rPr lang="en-US" noProof="0" dirty="0"/>
              <a:t>out of your folder or copy the image, </a:t>
            </a:r>
            <a:br>
              <a:rPr lang="en-US" noProof="0" dirty="0"/>
            </a:br>
            <a:r>
              <a:rPr lang="en-US" noProof="0" dirty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>
          <a:noFill/>
        </p:spPr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Landscap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/>
              <a:t>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br>
              <a:rPr lang="en-US" noProof="0" dirty="0"/>
            </a:b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465580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4643822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822021" y="288131"/>
            <a:ext cx="2106135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1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1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on </a:t>
            </a:r>
            <a:r>
              <a:rPr lang="en-US" noProof="0" dirty="0" err="1"/>
              <a:t>icon</a:t>
            </a:r>
            <a:r>
              <a:rPr lang="en-US" noProof="0" dirty="0"/>
              <a:t> </a:t>
            </a:r>
            <a:r>
              <a:rPr lang="en-US" noProof="0" dirty="0" err="1"/>
              <a:t>to</a:t>
            </a:r>
            <a:r>
              <a:rPr lang="en-US" noProof="0" dirty="0"/>
              <a:t> </a:t>
            </a:r>
            <a:r>
              <a:rPr lang="en-US" noProof="0" dirty="0" err="1"/>
              <a:t>add</a:t>
            </a:r>
            <a:r>
              <a:rPr lang="en-US" noProof="0" dirty="0"/>
              <a:t> am </a:t>
            </a:r>
            <a:r>
              <a:rPr lang="en-US" noProof="0" dirty="0" err="1"/>
              <a:t>image</a:t>
            </a:r>
            <a:r>
              <a:rPr lang="en-US" noProof="0" dirty="0"/>
              <a:t>.</a:t>
            </a:r>
            <a:br>
              <a:rPr lang="en-US" noProof="0" dirty="0"/>
            </a:br>
            <a:r>
              <a:rPr lang="en-US" noProof="0" dirty="0"/>
              <a:t>You </a:t>
            </a:r>
            <a:r>
              <a:rPr lang="en-US" noProof="0" dirty="0" err="1"/>
              <a:t>can</a:t>
            </a:r>
            <a:r>
              <a:rPr lang="en-US" noProof="0" dirty="0"/>
              <a:t> also </a:t>
            </a:r>
            <a:r>
              <a:rPr lang="en-US" noProof="0" dirty="0" err="1"/>
              <a:t>drag</a:t>
            </a:r>
            <a:r>
              <a:rPr lang="en-US" noProof="0" dirty="0"/>
              <a:t> and </a:t>
            </a:r>
            <a:r>
              <a:rPr lang="en-US" noProof="0" dirty="0" err="1"/>
              <a:t>drop</a:t>
            </a:r>
            <a:r>
              <a:rPr lang="en-US" noProof="0" dirty="0"/>
              <a:t> an </a:t>
            </a:r>
            <a:r>
              <a:rPr lang="en-US" noProof="0" dirty="0" err="1"/>
              <a:t>image</a:t>
            </a:r>
            <a:r>
              <a:rPr lang="en-US" noProof="0" dirty="0"/>
              <a:t> </a:t>
            </a:r>
            <a:r>
              <a:rPr lang="en-US" noProof="0" dirty="0" err="1"/>
              <a:t>directly</a:t>
            </a:r>
            <a:r>
              <a:rPr lang="en-US" noProof="0" dirty="0"/>
              <a:t> out </a:t>
            </a:r>
            <a:r>
              <a:rPr lang="en-US" noProof="0" dirty="0" err="1"/>
              <a:t>of</a:t>
            </a:r>
            <a:r>
              <a:rPr lang="en-US" noProof="0" dirty="0"/>
              <a:t> </a:t>
            </a:r>
            <a:r>
              <a:rPr lang="en-US" noProof="0" dirty="0" err="1"/>
              <a:t>your</a:t>
            </a:r>
            <a:r>
              <a:rPr lang="en-US" noProof="0" dirty="0"/>
              <a:t> </a:t>
            </a:r>
            <a:r>
              <a:rPr lang="en-US" noProof="0" dirty="0" err="1"/>
              <a:t>folder</a:t>
            </a:r>
            <a:r>
              <a:rPr lang="en-US" noProof="0" dirty="0"/>
              <a:t> </a:t>
            </a:r>
            <a:r>
              <a:rPr lang="en-US" noProof="0" dirty="0" err="1"/>
              <a:t>or</a:t>
            </a:r>
            <a:r>
              <a:rPr lang="en-US" noProof="0" dirty="0"/>
              <a:t> </a:t>
            </a:r>
            <a:br>
              <a:rPr lang="en-US" noProof="0" dirty="0"/>
            </a:br>
            <a:r>
              <a:rPr lang="en-US" noProof="0" dirty="0" err="1"/>
              <a:t>copy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image</a:t>
            </a:r>
            <a:r>
              <a:rPr lang="en-US" noProof="0" dirty="0"/>
              <a:t>, </a:t>
            </a:r>
            <a:r>
              <a:rPr lang="en-US" noProof="0" dirty="0" err="1"/>
              <a:t>select</a:t>
            </a:r>
            <a:r>
              <a:rPr lang="en-US" noProof="0" dirty="0"/>
              <a:t> </a:t>
            </a:r>
            <a:r>
              <a:rPr lang="en-US" noProof="0" dirty="0" err="1"/>
              <a:t>the</a:t>
            </a:r>
            <a:r>
              <a:rPr lang="en-US" noProof="0" dirty="0"/>
              <a:t> </a:t>
            </a:r>
            <a:r>
              <a:rPr lang="en-US" noProof="0" dirty="0" err="1"/>
              <a:t>placeholder</a:t>
            </a:r>
            <a:r>
              <a:rPr lang="en-US" noProof="0" dirty="0"/>
              <a:t> and </a:t>
            </a:r>
            <a:r>
              <a:rPr lang="en-US" noProof="0" dirty="0" err="1"/>
              <a:t>hit</a:t>
            </a:r>
            <a:r>
              <a:rPr lang="en-US" noProof="0" dirty="0"/>
              <a:t> </a:t>
            </a:r>
            <a:r>
              <a:rPr lang="en-US" noProof="0" dirty="0" err="1"/>
              <a:t>paste</a:t>
            </a:r>
            <a:r>
              <a:rPr lang="en-US" noProof="0" dirty="0"/>
              <a:t>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3420381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3779628" y="288131"/>
            <a:ext cx="5148572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6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2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2196047"/>
            <a:ext cx="2268253" cy="1836203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5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  <a:endParaRPr lang="en-US" dirty="0"/>
          </a:p>
        </p:txBody>
      </p:sp>
    </p:spTree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Collage Landscape (3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287238" y="288132"/>
            <a:ext cx="2268253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22" hasCustomPrompt="1"/>
          </p:nvPr>
        </p:nvSpPr>
        <p:spPr bwMode="gray">
          <a:xfrm>
            <a:off x="287238" y="1908311"/>
            <a:ext cx="2268253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23" hasCustomPrompt="1"/>
          </p:nvPr>
        </p:nvSpPr>
        <p:spPr bwMode="gray">
          <a:xfrm>
            <a:off x="2627201" y="288131"/>
            <a:ext cx="3960738" cy="374411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out of your folder or </a:t>
            </a:r>
            <a:br>
              <a:rPr lang="en-US" noProof="0"/>
            </a:br>
            <a:r>
              <a:rPr lang="en-US" noProof="0"/>
              <a:t>copy the image, select the placeholder and hit paste.</a:t>
            </a:r>
            <a:endParaRPr lang="en-US" noProof="0" dirty="0"/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24" hasCustomPrompt="1"/>
          </p:nvPr>
        </p:nvSpPr>
        <p:spPr bwMode="gray">
          <a:xfrm>
            <a:off x="6659946" y="288131"/>
            <a:ext cx="2268209" cy="2123939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25" hasCustomPrompt="1"/>
          </p:nvPr>
        </p:nvSpPr>
        <p:spPr bwMode="gray">
          <a:xfrm>
            <a:off x="6659946" y="2484079"/>
            <a:ext cx="2268209" cy="1548171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on icon to add am image.</a:t>
            </a:r>
            <a:br>
              <a:rPr lang="en-US" noProof="0"/>
            </a:br>
            <a:r>
              <a:rPr lang="en-US" noProof="0"/>
              <a:t>You can also drag and drop an image directly </a:t>
            </a:r>
            <a:br>
              <a:rPr lang="en-US" noProof="0"/>
            </a:br>
            <a:r>
              <a:rPr lang="en-US" noProof="0"/>
              <a:t>out of your folder or copy the image, </a:t>
            </a:r>
            <a:br>
              <a:rPr lang="en-US" noProof="0"/>
            </a:br>
            <a:r>
              <a:rPr lang="en-US" noProof="0"/>
              <a:t>select the placeholder and hit paste.</a:t>
            </a:r>
            <a:endParaRPr lang="en-US" noProof="0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87734" y="4320578"/>
            <a:ext cx="5184379" cy="576859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Text Placeholder 5"/>
          <p:cNvSpPr>
            <a:spLocks noGrp="1"/>
          </p:cNvSpPr>
          <p:nvPr>
            <p:ph type="body" sz="quarter" idx="29"/>
          </p:nvPr>
        </p:nvSpPr>
        <p:spPr>
          <a:xfrm>
            <a:off x="6911975" y="4320578"/>
            <a:ext cx="2016180" cy="576859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1pPr>
            <a:lvl2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2pPr>
            <a:lvl3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None/>
              <a:defRPr b="0" cap="none" spc="0" baseline="0"/>
            </a:lvl3pPr>
            <a:lvl4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4pPr>
            <a:lvl5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b="0" cap="none" spc="0" baseline="0"/>
            </a:lvl5pPr>
            <a:lvl6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>
                <a:latin typeface="+mn-lt"/>
              </a:defRPr>
            </a:lvl6pPr>
            <a:lvl7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7pPr>
            <a:lvl8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8pPr>
            <a:lvl9pPr marL="0" indent="0" algn="r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Font typeface="Arial" panose="020B0604020202090204" pitchFamily="34" charset="0"/>
              <a:buNone/>
              <a:defRPr sz="800" b="0" cap="none" spc="0" baseline="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</p:spTree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‎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3"/>
          <p:cNvSpPr txBox="1"/>
          <p:nvPr userDrawn="1"/>
        </p:nvSpPr>
        <p:spPr bwMode="gray">
          <a:xfrm>
            <a:off x="287734" y="4320578"/>
            <a:ext cx="8640366" cy="576859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 rtl="0" eaLnBrk="1" fontAlgn="base" hangingPunct="1">
              <a:lnSpc>
                <a:spcPct val="80000"/>
              </a:lnSpc>
              <a:spcBef>
                <a:spcPct val="0"/>
              </a:spcBef>
              <a:spcAft>
                <a:spcPct val="0"/>
              </a:spcAft>
              <a:defRPr sz="1600" b="1" i="0" kern="1200" cap="all" spc="16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>
              <a:lnSpc>
                <a:spcPct val="100000"/>
              </a:lnSpc>
            </a:pPr>
            <a:r>
              <a:rPr lang="en-US" sz="7000" dirty="0">
                <a:latin typeface="adidasFG Compressed" panose="020B0508030503020204" pitchFamily="34" charset="0"/>
              </a:rPr>
              <a:t>Color: Strategy Blue</a:t>
            </a:r>
            <a:endParaRPr lang="en-US" sz="7000" dirty="0">
              <a:latin typeface="adidasFG Compressed" panose="020B0508030503020204" pitchFamily="34" charset="0"/>
            </a:endParaRPr>
          </a:p>
        </p:txBody>
      </p:sp>
      <p:sp>
        <p:nvSpPr>
          <p:cNvPr id="5" name="Rectangle 4"/>
          <p:cNvSpPr/>
          <p:nvPr userDrawn="1"/>
        </p:nvSpPr>
        <p:spPr bwMode="gray">
          <a:xfrm>
            <a:off x="287338" y="288926"/>
            <a:ext cx="1440127" cy="3743324"/>
          </a:xfrm>
          <a:prstGeom prst="rect">
            <a:avLst/>
          </a:prstGeom>
          <a:solidFill>
            <a:schemeClr val="accent1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6" name="Rectangle 5"/>
          <p:cNvSpPr/>
          <p:nvPr userDrawn="1"/>
        </p:nvSpPr>
        <p:spPr bwMode="gray">
          <a:xfrm>
            <a:off x="1727465" y="288926"/>
            <a:ext cx="1440127" cy="3743324"/>
          </a:xfrm>
          <a:prstGeom prst="rect">
            <a:avLst/>
          </a:prstGeom>
          <a:solidFill>
            <a:schemeClr val="accent2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7" name="Rectangle 6"/>
          <p:cNvSpPr/>
          <p:nvPr userDrawn="1"/>
        </p:nvSpPr>
        <p:spPr bwMode="gray">
          <a:xfrm>
            <a:off x="3167592" y="288926"/>
            <a:ext cx="1440127" cy="3743324"/>
          </a:xfrm>
          <a:prstGeom prst="rect">
            <a:avLst/>
          </a:prstGeom>
          <a:solidFill>
            <a:schemeClr val="accent3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8" name="Rectangle 7"/>
          <p:cNvSpPr/>
          <p:nvPr userDrawn="1"/>
        </p:nvSpPr>
        <p:spPr bwMode="gray">
          <a:xfrm>
            <a:off x="4607719" y="288926"/>
            <a:ext cx="1440127" cy="3743324"/>
          </a:xfrm>
          <a:prstGeom prst="rect">
            <a:avLst/>
          </a:prstGeom>
          <a:solidFill>
            <a:schemeClr val="accent4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9" name="Rectangle 8"/>
          <p:cNvSpPr/>
          <p:nvPr userDrawn="1"/>
        </p:nvSpPr>
        <p:spPr bwMode="gray">
          <a:xfrm>
            <a:off x="6047846" y="288926"/>
            <a:ext cx="1440127" cy="3743324"/>
          </a:xfrm>
          <a:prstGeom prst="rect">
            <a:avLst/>
          </a:prstGeom>
          <a:solidFill>
            <a:schemeClr val="accent5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  <p:sp>
        <p:nvSpPr>
          <p:cNvPr id="10" name="Rectangle 9"/>
          <p:cNvSpPr/>
          <p:nvPr userDrawn="1"/>
        </p:nvSpPr>
        <p:spPr bwMode="gray">
          <a:xfrm>
            <a:off x="7487973" y="288926"/>
            <a:ext cx="1440127" cy="3743324"/>
          </a:xfrm>
          <a:prstGeom prst="rect">
            <a:avLst/>
          </a:prstGeom>
          <a:solidFill>
            <a:schemeClr val="accent6"/>
          </a:solidFill>
          <a:ln w="3175" cap="sq">
            <a:noFill/>
            <a:miter lim="800000"/>
          </a:ln>
          <a:effectLst/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noAutofit/>
          </a:bodyPr>
          <a:lstStyle/>
          <a:p>
            <a:pPr algn="ctr">
              <a:spcAft>
                <a:spcPts val="0"/>
              </a:spcAft>
            </a:pPr>
            <a:endParaRPr lang="en-US" sz="1000" dirty="0" err="1">
              <a:solidFill>
                <a:sysClr val="windowText" lastClr="000000"/>
              </a:solidFill>
              <a:latin typeface="adidasFG Compressed" panose="020B0508030503020204" pitchFamily="34" charset="0"/>
              <a:cs typeface="adidasFG" pitchFamily="34" charset="0"/>
            </a:endParaRPr>
          </a:p>
        </p:txBody>
      </p:sp>
    </p:spTree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rporat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9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18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319687" y="3898526"/>
            <a:ext cx="576064" cy="134021"/>
          </a:xfrm>
          <a:custGeom>
            <a:avLst/>
            <a:gdLst>
              <a:gd name="connsiteX0" fmla="*/ 855206 w 1152121"/>
              <a:gd name="connsiteY0" fmla="*/ 109865 h 268041"/>
              <a:gd name="connsiteX1" fmla="*/ 799424 w 1152121"/>
              <a:gd name="connsiteY1" fmla="*/ 166285 h 268041"/>
              <a:gd name="connsiteX2" fmla="*/ 855206 w 1152121"/>
              <a:gd name="connsiteY2" fmla="*/ 222718 h 268041"/>
              <a:gd name="connsiteX3" fmla="*/ 911000 w 1152121"/>
              <a:gd name="connsiteY3" fmla="*/ 166285 h 268041"/>
              <a:gd name="connsiteX4" fmla="*/ 855206 w 1152121"/>
              <a:gd name="connsiteY4" fmla="*/ 109865 h 268041"/>
              <a:gd name="connsiteX5" fmla="*/ 628209 w 1152121"/>
              <a:gd name="connsiteY5" fmla="*/ 109865 h 268041"/>
              <a:gd name="connsiteX6" fmla="*/ 572849 w 1152121"/>
              <a:gd name="connsiteY6" fmla="*/ 166285 h 268041"/>
              <a:gd name="connsiteX7" fmla="*/ 628209 w 1152121"/>
              <a:gd name="connsiteY7" fmla="*/ 222718 h 268041"/>
              <a:gd name="connsiteX8" fmla="*/ 683569 w 1152121"/>
              <a:gd name="connsiteY8" fmla="*/ 166285 h 268041"/>
              <a:gd name="connsiteX9" fmla="*/ 628209 w 1152121"/>
              <a:gd name="connsiteY9" fmla="*/ 109865 h 268041"/>
              <a:gd name="connsiteX10" fmla="*/ 329391 w 1152121"/>
              <a:gd name="connsiteY10" fmla="*/ 109865 h 268041"/>
              <a:gd name="connsiteX11" fmla="*/ 274018 w 1152121"/>
              <a:gd name="connsiteY11" fmla="*/ 166285 h 268041"/>
              <a:gd name="connsiteX12" fmla="*/ 329391 w 1152121"/>
              <a:gd name="connsiteY12" fmla="*/ 222718 h 268041"/>
              <a:gd name="connsiteX13" fmla="*/ 384751 w 1152121"/>
              <a:gd name="connsiteY13" fmla="*/ 166285 h 268041"/>
              <a:gd name="connsiteX14" fmla="*/ 329391 w 1152121"/>
              <a:gd name="connsiteY14" fmla="*/ 109865 h 268041"/>
              <a:gd name="connsiteX15" fmla="*/ 102382 w 1152121"/>
              <a:gd name="connsiteY15" fmla="*/ 109865 h 268041"/>
              <a:gd name="connsiteX16" fmla="*/ 46600 w 1152121"/>
              <a:gd name="connsiteY16" fmla="*/ 166285 h 268041"/>
              <a:gd name="connsiteX17" fmla="*/ 102382 w 1152121"/>
              <a:gd name="connsiteY17" fmla="*/ 222718 h 268041"/>
              <a:gd name="connsiteX18" fmla="*/ 158176 w 1152121"/>
              <a:gd name="connsiteY18" fmla="*/ 166285 h 268041"/>
              <a:gd name="connsiteX19" fmla="*/ 102382 w 1152121"/>
              <a:gd name="connsiteY19" fmla="*/ 109865 h 268041"/>
              <a:gd name="connsiteX20" fmla="*/ 456994 w 1152121"/>
              <a:gd name="connsiteY20" fmla="*/ 66688 h 268041"/>
              <a:gd name="connsiteX21" fmla="*/ 505727 w 1152121"/>
              <a:gd name="connsiteY21" fmla="*/ 66688 h 268041"/>
              <a:gd name="connsiteX22" fmla="*/ 505727 w 1152121"/>
              <a:gd name="connsiteY22" fmla="*/ 263750 h 268041"/>
              <a:gd name="connsiteX23" fmla="*/ 456994 w 1152121"/>
              <a:gd name="connsiteY23" fmla="*/ 263750 h 268041"/>
              <a:gd name="connsiteX24" fmla="*/ 1061629 w 1152121"/>
              <a:gd name="connsiteY24" fmla="*/ 64555 h 268041"/>
              <a:gd name="connsiteX25" fmla="*/ 1144982 w 1152121"/>
              <a:gd name="connsiteY25" fmla="*/ 129302 h 268041"/>
              <a:gd name="connsiteX26" fmla="*/ 1095177 w 1152121"/>
              <a:gd name="connsiteY26" fmla="*/ 129302 h 268041"/>
              <a:gd name="connsiteX27" fmla="*/ 1060620 w 1152121"/>
              <a:gd name="connsiteY27" fmla="*/ 101551 h 268041"/>
              <a:gd name="connsiteX28" fmla="*/ 1030124 w 1152121"/>
              <a:gd name="connsiteY28" fmla="*/ 121078 h 268041"/>
              <a:gd name="connsiteX29" fmla="*/ 1063672 w 1152121"/>
              <a:gd name="connsiteY29" fmla="*/ 140604 h 268041"/>
              <a:gd name="connsiteX30" fmla="*/ 1095190 w 1152121"/>
              <a:gd name="connsiteY30" fmla="*/ 146772 h 268041"/>
              <a:gd name="connsiteX31" fmla="*/ 1152121 w 1152121"/>
              <a:gd name="connsiteY31" fmla="*/ 203294 h 268041"/>
              <a:gd name="connsiteX32" fmla="*/ 1067746 w 1152121"/>
              <a:gd name="connsiteY32" fmla="*/ 268041 h 268041"/>
              <a:gd name="connsiteX33" fmla="*/ 977267 w 1152121"/>
              <a:gd name="connsiteY33" fmla="*/ 200217 h 268041"/>
              <a:gd name="connsiteX34" fmla="*/ 1026063 w 1152121"/>
              <a:gd name="connsiteY34" fmla="*/ 200217 h 268041"/>
              <a:gd name="connsiteX35" fmla="*/ 1068755 w 1152121"/>
              <a:gd name="connsiteY35" fmla="*/ 231045 h 268041"/>
              <a:gd name="connsiteX36" fmla="*/ 1100273 w 1152121"/>
              <a:gd name="connsiteY36" fmla="*/ 211519 h 268041"/>
              <a:gd name="connsiteX37" fmla="*/ 1073838 w 1152121"/>
              <a:gd name="connsiteY37" fmla="*/ 191992 h 268041"/>
              <a:gd name="connsiteX38" fmla="*/ 1048424 w 1152121"/>
              <a:gd name="connsiteY38" fmla="*/ 186859 h 268041"/>
              <a:gd name="connsiteX39" fmla="*/ 981328 w 1152121"/>
              <a:gd name="connsiteY39" fmla="*/ 129315 h 268041"/>
              <a:gd name="connsiteX40" fmla="*/ 1061642 w 1152121"/>
              <a:gd name="connsiteY40" fmla="*/ 64568 h 268041"/>
              <a:gd name="connsiteX41" fmla="*/ 853175 w 1152121"/>
              <a:gd name="connsiteY41" fmla="*/ 64542 h 268041"/>
              <a:gd name="connsiteX42" fmla="*/ 910094 w 1152121"/>
              <a:gd name="connsiteY42" fmla="*/ 83047 h 268041"/>
              <a:gd name="connsiteX43" fmla="*/ 910094 w 1152121"/>
              <a:gd name="connsiteY43" fmla="*/ 66598 h 268041"/>
              <a:gd name="connsiteX44" fmla="*/ 958877 w 1152121"/>
              <a:gd name="connsiteY44" fmla="*/ 66598 h 268041"/>
              <a:gd name="connsiteX45" fmla="*/ 958877 w 1152121"/>
              <a:gd name="connsiteY45" fmla="*/ 263916 h 268041"/>
              <a:gd name="connsiteX46" fmla="*/ 910094 w 1152121"/>
              <a:gd name="connsiteY46" fmla="*/ 263916 h 268041"/>
              <a:gd name="connsiteX47" fmla="*/ 910094 w 1152121"/>
              <a:gd name="connsiteY47" fmla="*/ 250558 h 268041"/>
              <a:gd name="connsiteX48" fmla="*/ 853175 w 1152121"/>
              <a:gd name="connsiteY48" fmla="*/ 268028 h 268041"/>
              <a:gd name="connsiteX49" fmla="*/ 751534 w 1152121"/>
              <a:gd name="connsiteY49" fmla="*/ 166285 h 268041"/>
              <a:gd name="connsiteX50" fmla="*/ 853175 w 1152121"/>
              <a:gd name="connsiteY50" fmla="*/ 64542 h 268041"/>
              <a:gd name="connsiteX51" fmla="*/ 100492 w 1152121"/>
              <a:gd name="connsiteY51" fmla="*/ 64542 h 268041"/>
              <a:gd name="connsiteX52" fmla="*/ 158342 w 1152121"/>
              <a:gd name="connsiteY52" fmla="*/ 83047 h 268041"/>
              <a:gd name="connsiteX53" fmla="*/ 158342 w 1152121"/>
              <a:gd name="connsiteY53" fmla="*/ 66598 h 268041"/>
              <a:gd name="connsiteX54" fmla="*/ 206053 w 1152121"/>
              <a:gd name="connsiteY54" fmla="*/ 66598 h 268041"/>
              <a:gd name="connsiteX55" fmla="*/ 206053 w 1152121"/>
              <a:gd name="connsiteY55" fmla="*/ 263916 h 268041"/>
              <a:gd name="connsiteX56" fmla="*/ 158342 w 1152121"/>
              <a:gd name="connsiteY56" fmla="*/ 263916 h 268041"/>
              <a:gd name="connsiteX57" fmla="*/ 158342 w 1152121"/>
              <a:gd name="connsiteY57" fmla="*/ 250558 h 268041"/>
              <a:gd name="connsiteX58" fmla="*/ 100492 w 1152121"/>
              <a:gd name="connsiteY58" fmla="*/ 268028 h 268041"/>
              <a:gd name="connsiteX59" fmla="*/ 0 w 1152121"/>
              <a:gd name="connsiteY59" fmla="*/ 166285 h 268041"/>
              <a:gd name="connsiteX60" fmla="*/ 100492 w 1152121"/>
              <a:gd name="connsiteY60" fmla="*/ 64542 h 268041"/>
              <a:gd name="connsiteX61" fmla="*/ 683518 w 1152121"/>
              <a:gd name="connsiteY61" fmla="*/ 0 h 268041"/>
              <a:gd name="connsiteX62" fmla="*/ 732302 w 1152121"/>
              <a:gd name="connsiteY62" fmla="*/ 0 h 268041"/>
              <a:gd name="connsiteX63" fmla="*/ 732302 w 1152121"/>
              <a:gd name="connsiteY63" fmla="*/ 263916 h 268041"/>
              <a:gd name="connsiteX64" fmla="*/ 683518 w 1152121"/>
              <a:gd name="connsiteY64" fmla="*/ 263916 h 268041"/>
              <a:gd name="connsiteX65" fmla="*/ 683518 w 1152121"/>
              <a:gd name="connsiteY65" fmla="*/ 250571 h 268041"/>
              <a:gd name="connsiteX66" fmla="*/ 625591 w 1152121"/>
              <a:gd name="connsiteY66" fmla="*/ 268028 h 268041"/>
              <a:gd name="connsiteX67" fmla="*/ 524972 w 1152121"/>
              <a:gd name="connsiteY67" fmla="*/ 166362 h 268041"/>
              <a:gd name="connsiteX68" fmla="*/ 625591 w 1152121"/>
              <a:gd name="connsiteY68" fmla="*/ 64696 h 268041"/>
              <a:gd name="connsiteX69" fmla="*/ 683518 w 1152121"/>
              <a:gd name="connsiteY69" fmla="*/ 83175 h 268041"/>
              <a:gd name="connsiteX70" fmla="*/ 456994 w 1152121"/>
              <a:gd name="connsiteY70" fmla="*/ 0 h 268041"/>
              <a:gd name="connsiteX71" fmla="*/ 505727 w 1152121"/>
              <a:gd name="connsiteY71" fmla="*/ 0 h 268041"/>
              <a:gd name="connsiteX72" fmla="*/ 505727 w 1152121"/>
              <a:gd name="connsiteY72" fmla="*/ 49167 h 268041"/>
              <a:gd name="connsiteX73" fmla="*/ 456994 w 1152121"/>
              <a:gd name="connsiteY73" fmla="*/ 49167 h 268041"/>
              <a:gd name="connsiteX74" fmla="*/ 384802 w 1152121"/>
              <a:gd name="connsiteY74" fmla="*/ 0 h 268041"/>
              <a:gd name="connsiteX75" fmla="*/ 433484 w 1152121"/>
              <a:gd name="connsiteY75" fmla="*/ 0 h 268041"/>
              <a:gd name="connsiteX76" fmla="*/ 433484 w 1152121"/>
              <a:gd name="connsiteY76" fmla="*/ 263916 h 268041"/>
              <a:gd name="connsiteX77" fmla="*/ 384802 w 1152121"/>
              <a:gd name="connsiteY77" fmla="*/ 263916 h 268041"/>
              <a:gd name="connsiteX78" fmla="*/ 384802 w 1152121"/>
              <a:gd name="connsiteY78" fmla="*/ 250571 h 268041"/>
              <a:gd name="connsiteX79" fmla="*/ 326977 w 1152121"/>
              <a:gd name="connsiteY79" fmla="*/ 268028 h 268041"/>
              <a:gd name="connsiteX80" fmla="*/ 226575 w 1152121"/>
              <a:gd name="connsiteY80" fmla="*/ 166362 h 268041"/>
              <a:gd name="connsiteX81" fmla="*/ 326977 w 1152121"/>
              <a:gd name="connsiteY81" fmla="*/ 64696 h 268041"/>
              <a:gd name="connsiteX82" fmla="*/ 384802 w 1152121"/>
              <a:gd name="connsiteY82" fmla="*/ 83175 h 268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</a:cxnLst>
            <a:rect l="l" t="t" r="r" b="b"/>
            <a:pathLst>
              <a:path w="1152121" h="268041">
                <a:moveTo>
                  <a:pt x="855206" y="109865"/>
                </a:moveTo>
                <a:cubicBezTo>
                  <a:pt x="824403" y="109865"/>
                  <a:pt x="799424" y="135125"/>
                  <a:pt x="799424" y="166285"/>
                </a:cubicBezTo>
                <a:cubicBezTo>
                  <a:pt x="799424" y="197446"/>
                  <a:pt x="824403" y="222718"/>
                  <a:pt x="855206" y="222718"/>
                </a:cubicBezTo>
                <a:cubicBezTo>
                  <a:pt x="886021" y="222718"/>
                  <a:pt x="911000" y="197446"/>
                  <a:pt x="911000" y="166285"/>
                </a:cubicBezTo>
                <a:cubicBezTo>
                  <a:pt x="911000" y="135125"/>
                  <a:pt x="886008" y="109865"/>
                  <a:pt x="855206" y="109865"/>
                </a:cubicBezTo>
                <a:close/>
                <a:moveTo>
                  <a:pt x="628209" y="109865"/>
                </a:moveTo>
                <a:cubicBezTo>
                  <a:pt x="597636" y="109865"/>
                  <a:pt x="572849" y="135125"/>
                  <a:pt x="572849" y="166285"/>
                </a:cubicBezTo>
                <a:cubicBezTo>
                  <a:pt x="572849" y="197446"/>
                  <a:pt x="597636" y="222718"/>
                  <a:pt x="628209" y="222718"/>
                </a:cubicBezTo>
                <a:cubicBezTo>
                  <a:pt x="658782" y="222718"/>
                  <a:pt x="683569" y="197446"/>
                  <a:pt x="683569" y="166285"/>
                </a:cubicBezTo>
                <a:cubicBezTo>
                  <a:pt x="683569" y="135125"/>
                  <a:pt x="658782" y="109865"/>
                  <a:pt x="628209" y="109865"/>
                </a:cubicBezTo>
                <a:close/>
                <a:moveTo>
                  <a:pt x="329391" y="109865"/>
                </a:moveTo>
                <a:cubicBezTo>
                  <a:pt x="298805" y="109865"/>
                  <a:pt x="274018" y="135125"/>
                  <a:pt x="274018" y="166285"/>
                </a:cubicBezTo>
                <a:cubicBezTo>
                  <a:pt x="274018" y="197446"/>
                  <a:pt x="298805" y="222718"/>
                  <a:pt x="329391" y="222718"/>
                </a:cubicBezTo>
                <a:cubicBezTo>
                  <a:pt x="359964" y="222718"/>
                  <a:pt x="384751" y="197446"/>
                  <a:pt x="384751" y="166285"/>
                </a:cubicBezTo>
                <a:cubicBezTo>
                  <a:pt x="384751" y="135125"/>
                  <a:pt x="359977" y="109865"/>
                  <a:pt x="329391" y="109865"/>
                </a:cubicBezTo>
                <a:close/>
                <a:moveTo>
                  <a:pt x="102382" y="109865"/>
                </a:moveTo>
                <a:cubicBezTo>
                  <a:pt x="71566" y="109865"/>
                  <a:pt x="46600" y="135125"/>
                  <a:pt x="46600" y="166285"/>
                </a:cubicBezTo>
                <a:cubicBezTo>
                  <a:pt x="46600" y="197446"/>
                  <a:pt x="71566" y="222718"/>
                  <a:pt x="102382" y="222718"/>
                </a:cubicBezTo>
                <a:cubicBezTo>
                  <a:pt x="133197" y="222718"/>
                  <a:pt x="158176" y="197446"/>
                  <a:pt x="158176" y="166285"/>
                </a:cubicBezTo>
                <a:cubicBezTo>
                  <a:pt x="158176" y="135125"/>
                  <a:pt x="133197" y="109865"/>
                  <a:pt x="102382" y="109865"/>
                </a:cubicBezTo>
                <a:close/>
                <a:moveTo>
                  <a:pt x="456994" y="66688"/>
                </a:moveTo>
                <a:lnTo>
                  <a:pt x="505727" y="66688"/>
                </a:lnTo>
                <a:lnTo>
                  <a:pt x="505727" y="263750"/>
                </a:lnTo>
                <a:lnTo>
                  <a:pt x="456994" y="263750"/>
                </a:lnTo>
                <a:close/>
                <a:moveTo>
                  <a:pt x="1061629" y="64555"/>
                </a:moveTo>
                <a:cubicBezTo>
                  <a:pt x="1111434" y="64555"/>
                  <a:pt x="1141930" y="90249"/>
                  <a:pt x="1144982" y="129302"/>
                </a:cubicBezTo>
                <a:lnTo>
                  <a:pt x="1095177" y="129302"/>
                </a:lnTo>
                <a:cubicBezTo>
                  <a:pt x="1095177" y="113888"/>
                  <a:pt x="1085012" y="101551"/>
                  <a:pt x="1060620" y="101551"/>
                </a:cubicBezTo>
                <a:cubicBezTo>
                  <a:pt x="1043342" y="101551"/>
                  <a:pt x="1030124" y="107720"/>
                  <a:pt x="1030124" y="121078"/>
                </a:cubicBezTo>
                <a:cubicBezTo>
                  <a:pt x="1030124" y="132380"/>
                  <a:pt x="1044351" y="136492"/>
                  <a:pt x="1063672" y="140604"/>
                </a:cubicBezTo>
                <a:lnTo>
                  <a:pt x="1095190" y="146772"/>
                </a:lnTo>
                <a:cubicBezTo>
                  <a:pt x="1134830" y="153962"/>
                  <a:pt x="1152121" y="172466"/>
                  <a:pt x="1152121" y="203294"/>
                </a:cubicBezTo>
                <a:cubicBezTo>
                  <a:pt x="1152121" y="247480"/>
                  <a:pt x="1114512" y="268041"/>
                  <a:pt x="1067746" y="268041"/>
                </a:cubicBezTo>
                <a:cubicBezTo>
                  <a:pt x="1011837" y="268041"/>
                  <a:pt x="978288" y="240291"/>
                  <a:pt x="977267" y="200217"/>
                </a:cubicBezTo>
                <a:lnTo>
                  <a:pt x="1026063" y="200217"/>
                </a:lnTo>
                <a:cubicBezTo>
                  <a:pt x="1027085" y="214609"/>
                  <a:pt x="1037250" y="231045"/>
                  <a:pt x="1068755" y="231045"/>
                </a:cubicBezTo>
                <a:cubicBezTo>
                  <a:pt x="1091116" y="231045"/>
                  <a:pt x="1100273" y="220764"/>
                  <a:pt x="1100273" y="211519"/>
                </a:cubicBezTo>
                <a:cubicBezTo>
                  <a:pt x="1100273" y="201238"/>
                  <a:pt x="1092138" y="195070"/>
                  <a:pt x="1073838" y="191992"/>
                </a:cubicBezTo>
                <a:lnTo>
                  <a:pt x="1048424" y="186859"/>
                </a:lnTo>
                <a:cubicBezTo>
                  <a:pt x="1016907" y="181725"/>
                  <a:pt x="981328" y="174522"/>
                  <a:pt x="981328" y="129315"/>
                </a:cubicBezTo>
                <a:cubicBezTo>
                  <a:pt x="981328" y="92318"/>
                  <a:pt x="1010802" y="64568"/>
                  <a:pt x="1061642" y="64568"/>
                </a:cubicBezTo>
                <a:close/>
                <a:moveTo>
                  <a:pt x="853175" y="64542"/>
                </a:moveTo>
                <a:cubicBezTo>
                  <a:pt x="874515" y="64542"/>
                  <a:pt x="893824" y="70711"/>
                  <a:pt x="910094" y="83047"/>
                </a:cubicBezTo>
                <a:lnTo>
                  <a:pt x="910094" y="66598"/>
                </a:lnTo>
                <a:lnTo>
                  <a:pt x="958877" y="66598"/>
                </a:lnTo>
                <a:lnTo>
                  <a:pt x="958877" y="263916"/>
                </a:lnTo>
                <a:lnTo>
                  <a:pt x="910094" y="263916"/>
                </a:lnTo>
                <a:lnTo>
                  <a:pt x="910094" y="250558"/>
                </a:lnTo>
                <a:cubicBezTo>
                  <a:pt x="893824" y="261860"/>
                  <a:pt x="874515" y="268028"/>
                  <a:pt x="853175" y="268028"/>
                </a:cubicBezTo>
                <a:cubicBezTo>
                  <a:pt x="797279" y="268028"/>
                  <a:pt x="751534" y="222808"/>
                  <a:pt x="751534" y="166285"/>
                </a:cubicBezTo>
                <a:cubicBezTo>
                  <a:pt x="751534" y="109763"/>
                  <a:pt x="797279" y="64542"/>
                  <a:pt x="853175" y="64542"/>
                </a:cubicBezTo>
                <a:close/>
                <a:moveTo>
                  <a:pt x="100492" y="64542"/>
                </a:moveTo>
                <a:cubicBezTo>
                  <a:pt x="121806" y="64542"/>
                  <a:pt x="142111" y="70711"/>
                  <a:pt x="158342" y="83047"/>
                </a:cubicBezTo>
                <a:lnTo>
                  <a:pt x="158342" y="66598"/>
                </a:lnTo>
                <a:lnTo>
                  <a:pt x="206053" y="66598"/>
                </a:lnTo>
                <a:lnTo>
                  <a:pt x="206053" y="263916"/>
                </a:lnTo>
                <a:lnTo>
                  <a:pt x="158342" y="263916"/>
                </a:lnTo>
                <a:lnTo>
                  <a:pt x="158342" y="250558"/>
                </a:lnTo>
                <a:cubicBezTo>
                  <a:pt x="142111" y="261860"/>
                  <a:pt x="121806" y="268028"/>
                  <a:pt x="100492" y="268028"/>
                </a:cubicBezTo>
                <a:cubicBezTo>
                  <a:pt x="44659" y="268028"/>
                  <a:pt x="0" y="222808"/>
                  <a:pt x="0" y="166285"/>
                </a:cubicBezTo>
                <a:cubicBezTo>
                  <a:pt x="0" y="109763"/>
                  <a:pt x="44659" y="64542"/>
                  <a:pt x="100492" y="64542"/>
                </a:cubicBezTo>
                <a:close/>
                <a:moveTo>
                  <a:pt x="683518" y="0"/>
                </a:moveTo>
                <a:lnTo>
                  <a:pt x="732302" y="0"/>
                </a:lnTo>
                <a:lnTo>
                  <a:pt x="732302" y="263916"/>
                </a:lnTo>
                <a:lnTo>
                  <a:pt x="683518" y="263916"/>
                </a:lnTo>
                <a:lnTo>
                  <a:pt x="683518" y="250571"/>
                </a:lnTo>
                <a:cubicBezTo>
                  <a:pt x="667262" y="261860"/>
                  <a:pt x="646931" y="268028"/>
                  <a:pt x="625591" y="268028"/>
                </a:cubicBezTo>
                <a:cubicBezTo>
                  <a:pt x="570703" y="268028"/>
                  <a:pt x="524972" y="222846"/>
                  <a:pt x="524972" y="166362"/>
                </a:cubicBezTo>
                <a:cubicBezTo>
                  <a:pt x="524972" y="109878"/>
                  <a:pt x="570703" y="64696"/>
                  <a:pt x="625591" y="64696"/>
                </a:cubicBezTo>
                <a:cubicBezTo>
                  <a:pt x="646931" y="64696"/>
                  <a:pt x="667262" y="70851"/>
                  <a:pt x="683518" y="83175"/>
                </a:cubicBezTo>
                <a:close/>
                <a:moveTo>
                  <a:pt x="456994" y="0"/>
                </a:moveTo>
                <a:lnTo>
                  <a:pt x="505727" y="0"/>
                </a:lnTo>
                <a:lnTo>
                  <a:pt x="505727" y="49167"/>
                </a:lnTo>
                <a:lnTo>
                  <a:pt x="456994" y="49167"/>
                </a:lnTo>
                <a:close/>
                <a:moveTo>
                  <a:pt x="384802" y="0"/>
                </a:moveTo>
                <a:lnTo>
                  <a:pt x="433484" y="0"/>
                </a:lnTo>
                <a:lnTo>
                  <a:pt x="433484" y="263916"/>
                </a:lnTo>
                <a:lnTo>
                  <a:pt x="384802" y="263916"/>
                </a:lnTo>
                <a:lnTo>
                  <a:pt x="384802" y="250571"/>
                </a:lnTo>
                <a:cubicBezTo>
                  <a:pt x="368571" y="261860"/>
                  <a:pt x="348279" y="268028"/>
                  <a:pt x="326977" y="268028"/>
                </a:cubicBezTo>
                <a:cubicBezTo>
                  <a:pt x="271196" y="268028"/>
                  <a:pt x="226575" y="222846"/>
                  <a:pt x="226575" y="166362"/>
                </a:cubicBezTo>
                <a:cubicBezTo>
                  <a:pt x="226575" y="109878"/>
                  <a:pt x="271196" y="64696"/>
                  <a:pt x="326977" y="64696"/>
                </a:cubicBezTo>
                <a:cubicBezTo>
                  <a:pt x="348279" y="64696"/>
                  <a:pt x="368571" y="70851"/>
                  <a:pt x="384802" y="83175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</p:spTree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por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41516" y="3823818"/>
            <a:ext cx="332407" cy="208729"/>
          </a:xfrm>
          <a:custGeom>
            <a:avLst/>
            <a:gdLst>
              <a:gd name="connsiteX0" fmla="*/ 149635 w 770834"/>
              <a:gd name="connsiteY0" fmla="*/ 329535 h 484032"/>
              <a:gd name="connsiteX1" fmla="*/ 238821 w 770834"/>
              <a:gd name="connsiteY1" fmla="*/ 484032 h 484032"/>
              <a:gd name="connsiteX2" fmla="*/ 39320 w 770834"/>
              <a:gd name="connsiteY2" fmla="*/ 484032 h 484032"/>
              <a:gd name="connsiteX3" fmla="*/ 0 w 770834"/>
              <a:gd name="connsiteY3" fmla="*/ 415898 h 484032"/>
              <a:gd name="connsiteX4" fmla="*/ 320283 w 770834"/>
              <a:gd name="connsiteY4" fmla="*/ 164611 h 484032"/>
              <a:gd name="connsiteX5" fmla="*/ 504690 w 770834"/>
              <a:gd name="connsiteY5" fmla="*/ 484031 h 484032"/>
              <a:gd name="connsiteX6" fmla="*/ 305229 w 770834"/>
              <a:gd name="connsiteY6" fmla="*/ 484031 h 484032"/>
              <a:gd name="connsiteX7" fmla="*/ 170687 w 770834"/>
              <a:gd name="connsiteY7" fmla="*/ 250974 h 484032"/>
              <a:gd name="connsiteX8" fmla="*/ 491400 w 770834"/>
              <a:gd name="connsiteY8" fmla="*/ 0 h 484032"/>
              <a:gd name="connsiteX9" fmla="*/ 770834 w 770834"/>
              <a:gd name="connsiteY9" fmla="*/ 484031 h 484032"/>
              <a:gd name="connsiteX10" fmla="*/ 571333 w 770834"/>
              <a:gd name="connsiteY10" fmla="*/ 484031 h 484032"/>
              <a:gd name="connsiteX11" fmla="*/ 341765 w 770834"/>
              <a:gd name="connsiteY11" fmla="*/ 86363 h 4840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70834" h="484032">
                <a:moveTo>
                  <a:pt x="149635" y="329535"/>
                </a:moveTo>
                <a:lnTo>
                  <a:pt x="238821" y="484032"/>
                </a:lnTo>
                <a:lnTo>
                  <a:pt x="39320" y="484032"/>
                </a:lnTo>
                <a:lnTo>
                  <a:pt x="0" y="415898"/>
                </a:lnTo>
                <a:close/>
                <a:moveTo>
                  <a:pt x="320283" y="164611"/>
                </a:moveTo>
                <a:lnTo>
                  <a:pt x="504690" y="484031"/>
                </a:lnTo>
                <a:lnTo>
                  <a:pt x="305229" y="484031"/>
                </a:lnTo>
                <a:lnTo>
                  <a:pt x="170687" y="250974"/>
                </a:lnTo>
                <a:close/>
                <a:moveTo>
                  <a:pt x="491400" y="0"/>
                </a:moveTo>
                <a:lnTo>
                  <a:pt x="770834" y="484031"/>
                </a:lnTo>
                <a:lnTo>
                  <a:pt x="571333" y="484031"/>
                </a:lnTo>
                <a:lnTo>
                  <a:pt x="341765" y="86363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30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9" hasCustomPrompt="1"/>
          </p:nvPr>
        </p:nvSpPr>
        <p:spPr bwMode="gray">
          <a:xfrm>
            <a:off x="4443673" y="3813293"/>
            <a:ext cx="328092" cy="228779"/>
          </a:xfrm>
          <a:custGeom>
            <a:avLst/>
            <a:gdLst>
              <a:gd name="connsiteX0" fmla="*/ 437531 w 760826"/>
              <a:gd name="connsiteY0" fmla="*/ 461724 h 530524"/>
              <a:gd name="connsiteX1" fmla="*/ 597790 w 760826"/>
              <a:gd name="connsiteY1" fmla="*/ 461724 h 530524"/>
              <a:gd name="connsiteX2" fmla="*/ 432514 w 760826"/>
              <a:gd name="connsiteY2" fmla="*/ 526016 h 530524"/>
              <a:gd name="connsiteX3" fmla="*/ 437531 w 760826"/>
              <a:gd name="connsiteY3" fmla="*/ 461724 h 530524"/>
              <a:gd name="connsiteX4" fmla="*/ 331803 w 760826"/>
              <a:gd name="connsiteY4" fmla="*/ 461724 h 530524"/>
              <a:gd name="connsiteX5" fmla="*/ 428985 w 760826"/>
              <a:gd name="connsiteY5" fmla="*/ 461724 h 530524"/>
              <a:gd name="connsiteX6" fmla="*/ 380413 w 760826"/>
              <a:gd name="connsiteY6" fmla="*/ 530524 h 530524"/>
              <a:gd name="connsiteX7" fmla="*/ 380374 w 760826"/>
              <a:gd name="connsiteY7" fmla="*/ 530524 h 530524"/>
              <a:gd name="connsiteX8" fmla="*/ 331803 w 760826"/>
              <a:gd name="connsiteY8" fmla="*/ 461724 h 530524"/>
              <a:gd name="connsiteX9" fmla="*/ 163038 w 760826"/>
              <a:gd name="connsiteY9" fmla="*/ 461724 h 530524"/>
              <a:gd name="connsiteX10" fmla="*/ 323296 w 760826"/>
              <a:gd name="connsiteY10" fmla="*/ 461724 h 530524"/>
              <a:gd name="connsiteX11" fmla="*/ 328315 w 760826"/>
              <a:gd name="connsiteY11" fmla="*/ 526016 h 530524"/>
              <a:gd name="connsiteX12" fmla="*/ 163038 w 760826"/>
              <a:gd name="connsiteY12" fmla="*/ 461724 h 530524"/>
              <a:gd name="connsiteX13" fmla="*/ 97530 w 760826"/>
              <a:gd name="connsiteY13" fmla="*/ 403156 h 530524"/>
              <a:gd name="connsiteX14" fmla="*/ 663297 w 760826"/>
              <a:gd name="connsiteY14" fmla="*/ 403156 h 530524"/>
              <a:gd name="connsiteX15" fmla="*/ 630485 w 760826"/>
              <a:gd name="connsiteY15" fmla="*/ 432518 h 530524"/>
              <a:gd name="connsiteX16" fmla="*/ 130343 w 760826"/>
              <a:gd name="connsiteY16" fmla="*/ 432518 h 530524"/>
              <a:gd name="connsiteX17" fmla="*/ 97530 w 760826"/>
              <a:gd name="connsiteY17" fmla="*/ 403156 h 530524"/>
              <a:gd name="connsiteX18" fmla="*/ 53820 w 760826"/>
              <a:gd name="connsiteY18" fmla="*/ 344627 h 530524"/>
              <a:gd name="connsiteX19" fmla="*/ 707008 w 760826"/>
              <a:gd name="connsiteY19" fmla="*/ 344627 h 530524"/>
              <a:gd name="connsiteX20" fmla="*/ 707048 w 760826"/>
              <a:gd name="connsiteY20" fmla="*/ 344627 h 530524"/>
              <a:gd name="connsiteX21" fmla="*/ 685369 w 760826"/>
              <a:gd name="connsiteY21" fmla="*/ 373989 h 530524"/>
              <a:gd name="connsiteX22" fmla="*/ 75499 w 760826"/>
              <a:gd name="connsiteY22" fmla="*/ 373989 h 530524"/>
              <a:gd name="connsiteX23" fmla="*/ 53820 w 760826"/>
              <a:gd name="connsiteY23" fmla="*/ 344627 h 530524"/>
              <a:gd name="connsiteX24" fmla="*/ 760049 w 760826"/>
              <a:gd name="connsiteY24" fmla="*/ 148655 h 530524"/>
              <a:gd name="connsiteX25" fmla="*/ 722571 w 760826"/>
              <a:gd name="connsiteY25" fmla="*/ 315422 h 530524"/>
              <a:gd name="connsiteX26" fmla="*/ 494884 w 760826"/>
              <a:gd name="connsiteY26" fmla="*/ 315422 h 530524"/>
              <a:gd name="connsiteX27" fmla="*/ 495198 w 760826"/>
              <a:gd name="connsiteY27" fmla="*/ 314990 h 530524"/>
              <a:gd name="connsiteX28" fmla="*/ 760049 w 760826"/>
              <a:gd name="connsiteY28" fmla="*/ 148655 h 530524"/>
              <a:gd name="connsiteX29" fmla="*/ 778 w 760826"/>
              <a:gd name="connsiteY29" fmla="*/ 148655 h 530524"/>
              <a:gd name="connsiteX30" fmla="*/ 265629 w 760826"/>
              <a:gd name="connsiteY30" fmla="*/ 314990 h 530524"/>
              <a:gd name="connsiteX31" fmla="*/ 265943 w 760826"/>
              <a:gd name="connsiteY31" fmla="*/ 315422 h 530524"/>
              <a:gd name="connsiteX32" fmla="*/ 38255 w 760826"/>
              <a:gd name="connsiteY32" fmla="*/ 315422 h 530524"/>
              <a:gd name="connsiteX33" fmla="*/ 778 w 760826"/>
              <a:gd name="connsiteY33" fmla="*/ 148655 h 530524"/>
              <a:gd name="connsiteX34" fmla="*/ 380414 w 760826"/>
              <a:gd name="connsiteY34" fmla="*/ 0 h 530524"/>
              <a:gd name="connsiteX35" fmla="*/ 477284 w 760826"/>
              <a:gd name="connsiteY35" fmla="*/ 315422 h 530524"/>
              <a:gd name="connsiteX36" fmla="*/ 283545 w 760826"/>
              <a:gd name="connsiteY36" fmla="*/ 315422 h 530524"/>
              <a:gd name="connsiteX37" fmla="*/ 380414 w 760826"/>
              <a:gd name="connsiteY37" fmla="*/ 0 h 530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760826" h="530524">
                <a:moveTo>
                  <a:pt x="437531" y="461724"/>
                </a:moveTo>
                <a:lnTo>
                  <a:pt x="597790" y="461724"/>
                </a:lnTo>
                <a:cubicBezTo>
                  <a:pt x="530441" y="508023"/>
                  <a:pt x="456270" y="525114"/>
                  <a:pt x="432514" y="526016"/>
                </a:cubicBezTo>
                <a:cubicBezTo>
                  <a:pt x="431337" y="514608"/>
                  <a:pt x="432239" y="491166"/>
                  <a:pt x="437531" y="461724"/>
                </a:cubicBezTo>
                <a:close/>
                <a:moveTo>
                  <a:pt x="331803" y="461724"/>
                </a:moveTo>
                <a:lnTo>
                  <a:pt x="428985" y="461724"/>
                </a:lnTo>
                <a:cubicBezTo>
                  <a:pt x="410090" y="496222"/>
                  <a:pt x="390684" y="520880"/>
                  <a:pt x="380413" y="530524"/>
                </a:cubicBezTo>
                <a:lnTo>
                  <a:pt x="380374" y="530524"/>
                </a:lnTo>
                <a:cubicBezTo>
                  <a:pt x="370103" y="520880"/>
                  <a:pt x="350698" y="496222"/>
                  <a:pt x="331803" y="461724"/>
                </a:cubicBezTo>
                <a:close/>
                <a:moveTo>
                  <a:pt x="163038" y="461724"/>
                </a:moveTo>
                <a:lnTo>
                  <a:pt x="323296" y="461724"/>
                </a:lnTo>
                <a:cubicBezTo>
                  <a:pt x="328589" y="491166"/>
                  <a:pt x="329490" y="514647"/>
                  <a:pt x="328315" y="526016"/>
                </a:cubicBezTo>
                <a:cubicBezTo>
                  <a:pt x="304519" y="525114"/>
                  <a:pt x="230348" y="508023"/>
                  <a:pt x="163038" y="461724"/>
                </a:cubicBezTo>
                <a:close/>
                <a:moveTo>
                  <a:pt x="97530" y="403156"/>
                </a:moveTo>
                <a:lnTo>
                  <a:pt x="663297" y="403156"/>
                </a:lnTo>
                <a:cubicBezTo>
                  <a:pt x="654281" y="413897"/>
                  <a:pt x="640246" y="426481"/>
                  <a:pt x="630485" y="432518"/>
                </a:cubicBezTo>
                <a:lnTo>
                  <a:pt x="130343" y="432518"/>
                </a:lnTo>
                <a:cubicBezTo>
                  <a:pt x="120581" y="426481"/>
                  <a:pt x="106547" y="413897"/>
                  <a:pt x="97530" y="403156"/>
                </a:cubicBezTo>
                <a:close/>
                <a:moveTo>
                  <a:pt x="53820" y="344627"/>
                </a:moveTo>
                <a:lnTo>
                  <a:pt x="707008" y="344627"/>
                </a:lnTo>
                <a:lnTo>
                  <a:pt x="707048" y="344627"/>
                </a:lnTo>
                <a:cubicBezTo>
                  <a:pt x="702500" y="353682"/>
                  <a:pt x="692935" y="366462"/>
                  <a:pt x="685369" y="373989"/>
                </a:cubicBezTo>
                <a:lnTo>
                  <a:pt x="75499" y="373989"/>
                </a:lnTo>
                <a:cubicBezTo>
                  <a:pt x="67933" y="366462"/>
                  <a:pt x="58368" y="353682"/>
                  <a:pt x="53820" y="344627"/>
                </a:cubicBezTo>
                <a:close/>
                <a:moveTo>
                  <a:pt x="760049" y="148655"/>
                </a:moveTo>
                <a:cubicBezTo>
                  <a:pt x="764400" y="201264"/>
                  <a:pt x="750287" y="260381"/>
                  <a:pt x="722571" y="315422"/>
                </a:cubicBezTo>
                <a:lnTo>
                  <a:pt x="494884" y="315422"/>
                </a:lnTo>
                <a:cubicBezTo>
                  <a:pt x="495002" y="315304"/>
                  <a:pt x="495081" y="315147"/>
                  <a:pt x="495198" y="314990"/>
                </a:cubicBezTo>
                <a:cubicBezTo>
                  <a:pt x="558078" y="221885"/>
                  <a:pt x="665218" y="154183"/>
                  <a:pt x="760049" y="148655"/>
                </a:cubicBezTo>
                <a:close/>
                <a:moveTo>
                  <a:pt x="778" y="148655"/>
                </a:moveTo>
                <a:cubicBezTo>
                  <a:pt x="95609" y="154183"/>
                  <a:pt x="202749" y="221885"/>
                  <a:pt x="265629" y="314990"/>
                </a:cubicBezTo>
                <a:cubicBezTo>
                  <a:pt x="265747" y="315108"/>
                  <a:pt x="265943" y="315422"/>
                  <a:pt x="265943" y="315422"/>
                </a:cubicBezTo>
                <a:lnTo>
                  <a:pt x="38255" y="315422"/>
                </a:lnTo>
                <a:cubicBezTo>
                  <a:pt x="10540" y="260381"/>
                  <a:pt x="-3573" y="201304"/>
                  <a:pt x="778" y="148655"/>
                </a:cubicBezTo>
                <a:close/>
                <a:moveTo>
                  <a:pt x="380414" y="0"/>
                </a:moveTo>
                <a:cubicBezTo>
                  <a:pt x="452155" y="69977"/>
                  <a:pt x="490886" y="197618"/>
                  <a:pt x="477284" y="315422"/>
                </a:cubicBezTo>
                <a:lnTo>
                  <a:pt x="283545" y="315422"/>
                </a:lnTo>
                <a:cubicBezTo>
                  <a:pt x="269943" y="197658"/>
                  <a:pt x="308674" y="69977"/>
                  <a:pt x="38041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errex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212434" y="3915367"/>
            <a:ext cx="790572" cy="117180"/>
          </a:xfrm>
          <a:custGeom>
            <a:avLst/>
            <a:gdLst>
              <a:gd name="connsiteX0" fmla="*/ 36163 w 790572"/>
              <a:gd name="connsiteY0" fmla="*/ 79814 h 117180"/>
              <a:gd name="connsiteX1" fmla="*/ 57741 w 790572"/>
              <a:gd name="connsiteY1" fmla="*/ 117180 h 117180"/>
              <a:gd name="connsiteX2" fmla="*/ 9503 w 790572"/>
              <a:gd name="connsiteY2" fmla="*/ 117180 h 117180"/>
              <a:gd name="connsiteX3" fmla="*/ 0 w 790572"/>
              <a:gd name="connsiteY3" fmla="*/ 100716 h 117180"/>
              <a:gd name="connsiteX4" fmla="*/ 77456 w 790572"/>
              <a:gd name="connsiteY4" fmla="*/ 39940 h 117180"/>
              <a:gd name="connsiteX5" fmla="*/ 122048 w 790572"/>
              <a:gd name="connsiteY5" fmla="*/ 117180 h 117180"/>
              <a:gd name="connsiteX6" fmla="*/ 73810 w 790572"/>
              <a:gd name="connsiteY6" fmla="*/ 117180 h 117180"/>
              <a:gd name="connsiteX7" fmla="*/ 41277 w 790572"/>
              <a:gd name="connsiteY7" fmla="*/ 60825 h 117180"/>
              <a:gd name="connsiteX8" fmla="*/ 585922 w 790572"/>
              <a:gd name="connsiteY8" fmla="*/ 29398 h 117180"/>
              <a:gd name="connsiteX9" fmla="*/ 585922 w 790572"/>
              <a:gd name="connsiteY9" fmla="*/ 29415 h 117180"/>
              <a:gd name="connsiteX10" fmla="*/ 585922 w 790572"/>
              <a:gd name="connsiteY10" fmla="*/ 29412 h 117180"/>
              <a:gd name="connsiteX11" fmla="*/ 526614 w 790572"/>
              <a:gd name="connsiteY11" fmla="*/ 22057 h 117180"/>
              <a:gd name="connsiteX12" fmla="*/ 519074 w 790572"/>
              <a:gd name="connsiteY12" fmla="*/ 67936 h 117180"/>
              <a:gd name="connsiteX13" fmla="*/ 552531 w 790572"/>
              <a:gd name="connsiteY13" fmla="*/ 48634 h 117180"/>
              <a:gd name="connsiteX14" fmla="*/ 552548 w 790572"/>
              <a:gd name="connsiteY14" fmla="*/ 48634 h 117180"/>
              <a:gd name="connsiteX15" fmla="*/ 561011 w 790572"/>
              <a:gd name="connsiteY15" fmla="*/ 33671 h 117180"/>
              <a:gd name="connsiteX16" fmla="*/ 547483 w 790572"/>
              <a:gd name="connsiteY16" fmla="*/ 22057 h 117180"/>
              <a:gd name="connsiteX17" fmla="*/ 426640 w 790572"/>
              <a:gd name="connsiteY17" fmla="*/ 22057 h 117180"/>
              <a:gd name="connsiteX18" fmla="*/ 419100 w 790572"/>
              <a:gd name="connsiteY18" fmla="*/ 67936 h 117180"/>
              <a:gd name="connsiteX19" fmla="*/ 452557 w 790572"/>
              <a:gd name="connsiteY19" fmla="*/ 48634 h 117180"/>
              <a:gd name="connsiteX20" fmla="*/ 452573 w 790572"/>
              <a:gd name="connsiteY20" fmla="*/ 48634 h 117180"/>
              <a:gd name="connsiteX21" fmla="*/ 461037 w 790572"/>
              <a:gd name="connsiteY21" fmla="*/ 33671 h 117180"/>
              <a:gd name="connsiteX22" fmla="*/ 447509 w 790572"/>
              <a:gd name="connsiteY22" fmla="*/ 22057 h 117180"/>
              <a:gd name="connsiteX23" fmla="*/ 118831 w 790572"/>
              <a:gd name="connsiteY23" fmla="*/ 132 h 117180"/>
              <a:gd name="connsiteX24" fmla="*/ 186404 w 790572"/>
              <a:gd name="connsiteY24" fmla="*/ 117180 h 117180"/>
              <a:gd name="connsiteX25" fmla="*/ 138166 w 790572"/>
              <a:gd name="connsiteY25" fmla="*/ 117180 h 117180"/>
              <a:gd name="connsiteX26" fmla="*/ 82652 w 790572"/>
              <a:gd name="connsiteY26" fmla="*/ 21018 h 117180"/>
              <a:gd name="connsiteX27" fmla="*/ 695811 w 790572"/>
              <a:gd name="connsiteY27" fmla="*/ 0 h 117180"/>
              <a:gd name="connsiteX28" fmla="*/ 723593 w 790572"/>
              <a:gd name="connsiteY28" fmla="*/ 0 h 117180"/>
              <a:gd name="connsiteX29" fmla="*/ 737137 w 790572"/>
              <a:gd name="connsiteY29" fmla="*/ 36113 h 117180"/>
              <a:gd name="connsiteX30" fmla="*/ 762692 w 790572"/>
              <a:gd name="connsiteY30" fmla="*/ 0 h 117180"/>
              <a:gd name="connsiteX31" fmla="*/ 790572 w 790572"/>
              <a:gd name="connsiteY31" fmla="*/ 0 h 117180"/>
              <a:gd name="connsiteX32" fmla="*/ 747019 w 790572"/>
              <a:gd name="connsiteY32" fmla="*/ 57213 h 117180"/>
              <a:gd name="connsiteX33" fmla="*/ 773646 w 790572"/>
              <a:gd name="connsiteY33" fmla="*/ 117180 h 117180"/>
              <a:gd name="connsiteX34" fmla="*/ 745683 w 790572"/>
              <a:gd name="connsiteY34" fmla="*/ 117180 h 117180"/>
              <a:gd name="connsiteX35" fmla="*/ 730357 w 790572"/>
              <a:gd name="connsiteY35" fmla="*/ 78082 h 117180"/>
              <a:gd name="connsiteX36" fmla="*/ 702328 w 790572"/>
              <a:gd name="connsiteY36" fmla="*/ 117180 h 117180"/>
              <a:gd name="connsiteX37" fmla="*/ 674101 w 790572"/>
              <a:gd name="connsiteY37" fmla="*/ 117180 h 117180"/>
              <a:gd name="connsiteX38" fmla="*/ 720442 w 790572"/>
              <a:gd name="connsiteY38" fmla="*/ 56998 h 117180"/>
              <a:gd name="connsiteX39" fmla="*/ 605768 w 790572"/>
              <a:gd name="connsiteY39" fmla="*/ 0 h 117180"/>
              <a:gd name="connsiteX40" fmla="*/ 684642 w 790572"/>
              <a:gd name="connsiteY40" fmla="*/ 0 h 117180"/>
              <a:gd name="connsiteX41" fmla="*/ 681013 w 790572"/>
              <a:gd name="connsiteY41" fmla="*/ 22057 h 117180"/>
              <a:gd name="connsiteX42" fmla="*/ 626703 w 790572"/>
              <a:gd name="connsiteY42" fmla="*/ 22057 h 117180"/>
              <a:gd name="connsiteX43" fmla="*/ 622628 w 790572"/>
              <a:gd name="connsiteY43" fmla="*/ 46819 h 117180"/>
              <a:gd name="connsiteX44" fmla="*/ 659814 w 790572"/>
              <a:gd name="connsiteY44" fmla="*/ 46819 h 117180"/>
              <a:gd name="connsiteX45" fmla="*/ 656283 w 790572"/>
              <a:gd name="connsiteY45" fmla="*/ 68266 h 117180"/>
              <a:gd name="connsiteX46" fmla="*/ 619115 w 790572"/>
              <a:gd name="connsiteY46" fmla="*/ 68266 h 117180"/>
              <a:gd name="connsiteX47" fmla="*/ 614693 w 790572"/>
              <a:gd name="connsiteY47" fmla="*/ 95140 h 117180"/>
              <a:gd name="connsiteX48" fmla="*/ 669003 w 790572"/>
              <a:gd name="connsiteY48" fmla="*/ 95140 h 117180"/>
              <a:gd name="connsiteX49" fmla="*/ 665373 w 790572"/>
              <a:gd name="connsiteY49" fmla="*/ 117180 h 117180"/>
              <a:gd name="connsiteX50" fmla="*/ 586516 w 790572"/>
              <a:gd name="connsiteY50" fmla="*/ 117180 h 117180"/>
              <a:gd name="connsiteX51" fmla="*/ 505827 w 790572"/>
              <a:gd name="connsiteY51" fmla="*/ 0 h 117180"/>
              <a:gd name="connsiteX52" fmla="*/ 552449 w 790572"/>
              <a:gd name="connsiteY52" fmla="*/ 0 h 117180"/>
              <a:gd name="connsiteX53" fmla="*/ 585793 w 790572"/>
              <a:gd name="connsiteY53" fmla="*/ 26624 h 117180"/>
              <a:gd name="connsiteX54" fmla="*/ 585922 w 790572"/>
              <a:gd name="connsiteY54" fmla="*/ 29412 h 117180"/>
              <a:gd name="connsiteX55" fmla="*/ 585912 w 790572"/>
              <a:gd name="connsiteY55" fmla="*/ 30453 h 117180"/>
              <a:gd name="connsiteX56" fmla="*/ 560516 w 790572"/>
              <a:gd name="connsiteY56" fmla="*/ 67936 h 117180"/>
              <a:gd name="connsiteX57" fmla="*/ 550007 w 790572"/>
              <a:gd name="connsiteY57" fmla="*/ 73990 h 117180"/>
              <a:gd name="connsiteX58" fmla="*/ 575199 w 790572"/>
              <a:gd name="connsiteY58" fmla="*/ 117180 h 117180"/>
              <a:gd name="connsiteX59" fmla="*/ 546180 w 790572"/>
              <a:gd name="connsiteY59" fmla="*/ 117180 h 117180"/>
              <a:gd name="connsiteX60" fmla="*/ 528346 w 790572"/>
              <a:gd name="connsiteY60" fmla="*/ 86495 h 117180"/>
              <a:gd name="connsiteX61" fmla="*/ 514868 w 790572"/>
              <a:gd name="connsiteY61" fmla="*/ 94282 h 117180"/>
              <a:gd name="connsiteX62" fmla="*/ 511106 w 790572"/>
              <a:gd name="connsiteY62" fmla="*/ 117180 h 117180"/>
              <a:gd name="connsiteX63" fmla="*/ 486558 w 790572"/>
              <a:gd name="connsiteY63" fmla="*/ 117180 h 117180"/>
              <a:gd name="connsiteX64" fmla="*/ 405853 w 790572"/>
              <a:gd name="connsiteY64" fmla="*/ 0 h 117180"/>
              <a:gd name="connsiteX65" fmla="*/ 452474 w 790572"/>
              <a:gd name="connsiteY65" fmla="*/ 0 h 117180"/>
              <a:gd name="connsiteX66" fmla="*/ 485819 w 790572"/>
              <a:gd name="connsiteY66" fmla="*/ 26624 h 117180"/>
              <a:gd name="connsiteX67" fmla="*/ 485948 w 790572"/>
              <a:gd name="connsiteY67" fmla="*/ 29412 h 117180"/>
              <a:gd name="connsiteX68" fmla="*/ 485938 w 790572"/>
              <a:gd name="connsiteY68" fmla="*/ 30453 h 117180"/>
              <a:gd name="connsiteX69" fmla="*/ 460542 w 790572"/>
              <a:gd name="connsiteY69" fmla="*/ 67936 h 117180"/>
              <a:gd name="connsiteX70" fmla="*/ 450033 w 790572"/>
              <a:gd name="connsiteY70" fmla="*/ 73990 h 117180"/>
              <a:gd name="connsiteX71" fmla="*/ 475224 w 790572"/>
              <a:gd name="connsiteY71" fmla="*/ 117180 h 117180"/>
              <a:gd name="connsiteX72" fmla="*/ 446206 w 790572"/>
              <a:gd name="connsiteY72" fmla="*/ 117180 h 117180"/>
              <a:gd name="connsiteX73" fmla="*/ 428372 w 790572"/>
              <a:gd name="connsiteY73" fmla="*/ 86495 h 117180"/>
              <a:gd name="connsiteX74" fmla="*/ 414893 w 790572"/>
              <a:gd name="connsiteY74" fmla="*/ 94282 h 117180"/>
              <a:gd name="connsiteX75" fmla="*/ 411132 w 790572"/>
              <a:gd name="connsiteY75" fmla="*/ 117180 h 117180"/>
              <a:gd name="connsiteX76" fmla="*/ 386584 w 790572"/>
              <a:gd name="connsiteY76" fmla="*/ 117180 h 117180"/>
              <a:gd name="connsiteX77" fmla="*/ 312478 w 790572"/>
              <a:gd name="connsiteY77" fmla="*/ 0 h 117180"/>
              <a:gd name="connsiteX78" fmla="*/ 391335 w 790572"/>
              <a:gd name="connsiteY78" fmla="*/ 0 h 117180"/>
              <a:gd name="connsiteX79" fmla="*/ 387706 w 790572"/>
              <a:gd name="connsiteY79" fmla="*/ 22057 h 117180"/>
              <a:gd name="connsiteX80" fmla="*/ 333396 w 790572"/>
              <a:gd name="connsiteY80" fmla="*/ 22057 h 117180"/>
              <a:gd name="connsiteX81" fmla="*/ 329321 w 790572"/>
              <a:gd name="connsiteY81" fmla="*/ 46819 h 117180"/>
              <a:gd name="connsiteX82" fmla="*/ 366507 w 790572"/>
              <a:gd name="connsiteY82" fmla="*/ 46819 h 117180"/>
              <a:gd name="connsiteX83" fmla="*/ 362976 w 790572"/>
              <a:gd name="connsiteY83" fmla="*/ 68266 h 117180"/>
              <a:gd name="connsiteX84" fmla="*/ 325807 w 790572"/>
              <a:gd name="connsiteY84" fmla="*/ 68266 h 117180"/>
              <a:gd name="connsiteX85" fmla="*/ 321386 w 790572"/>
              <a:gd name="connsiteY85" fmla="*/ 95140 h 117180"/>
              <a:gd name="connsiteX86" fmla="*/ 375696 w 790572"/>
              <a:gd name="connsiteY86" fmla="*/ 95140 h 117180"/>
              <a:gd name="connsiteX87" fmla="*/ 372066 w 790572"/>
              <a:gd name="connsiteY87" fmla="*/ 117180 h 117180"/>
              <a:gd name="connsiteX88" fmla="*/ 293209 w 790572"/>
              <a:gd name="connsiteY88" fmla="*/ 117180 h 117180"/>
              <a:gd name="connsiteX89" fmla="*/ 206498 w 790572"/>
              <a:gd name="connsiteY89" fmla="*/ 0 h 117180"/>
              <a:gd name="connsiteX90" fmla="*/ 300352 w 790572"/>
              <a:gd name="connsiteY90" fmla="*/ 0 h 117180"/>
              <a:gd name="connsiteX91" fmla="*/ 296722 w 790572"/>
              <a:gd name="connsiteY91" fmla="*/ 22057 h 117180"/>
              <a:gd name="connsiteX92" fmla="*/ 262078 w 790572"/>
              <a:gd name="connsiteY92" fmla="*/ 22057 h 117180"/>
              <a:gd name="connsiteX93" fmla="*/ 246438 w 790572"/>
              <a:gd name="connsiteY93" fmla="*/ 117180 h 117180"/>
              <a:gd name="connsiteX94" fmla="*/ 221890 w 790572"/>
              <a:gd name="connsiteY94" fmla="*/ 117180 h 117180"/>
              <a:gd name="connsiteX95" fmla="*/ 237530 w 790572"/>
              <a:gd name="connsiteY95" fmla="*/ 22057 h 117180"/>
              <a:gd name="connsiteX96" fmla="*/ 202869 w 790572"/>
              <a:gd name="connsiteY96" fmla="*/ 22057 h 117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</a:cxnLst>
            <a:rect l="l" t="t" r="r" b="b"/>
            <a:pathLst>
              <a:path w="790572" h="117180">
                <a:moveTo>
                  <a:pt x="36163" y="79814"/>
                </a:moveTo>
                <a:lnTo>
                  <a:pt x="57741" y="117180"/>
                </a:lnTo>
                <a:lnTo>
                  <a:pt x="9503" y="117180"/>
                </a:lnTo>
                <a:lnTo>
                  <a:pt x="0" y="100716"/>
                </a:lnTo>
                <a:close/>
                <a:moveTo>
                  <a:pt x="77456" y="39940"/>
                </a:moveTo>
                <a:lnTo>
                  <a:pt x="122048" y="117180"/>
                </a:lnTo>
                <a:lnTo>
                  <a:pt x="73810" y="117180"/>
                </a:lnTo>
                <a:lnTo>
                  <a:pt x="41277" y="60825"/>
                </a:lnTo>
                <a:close/>
                <a:moveTo>
                  <a:pt x="585922" y="29398"/>
                </a:moveTo>
                <a:lnTo>
                  <a:pt x="585922" y="29415"/>
                </a:lnTo>
                <a:lnTo>
                  <a:pt x="585922" y="29412"/>
                </a:lnTo>
                <a:close/>
                <a:moveTo>
                  <a:pt x="526614" y="22057"/>
                </a:moveTo>
                <a:lnTo>
                  <a:pt x="519074" y="67936"/>
                </a:lnTo>
                <a:lnTo>
                  <a:pt x="552531" y="48634"/>
                </a:lnTo>
                <a:lnTo>
                  <a:pt x="552548" y="48634"/>
                </a:lnTo>
                <a:cubicBezTo>
                  <a:pt x="560318" y="44147"/>
                  <a:pt x="561011" y="36443"/>
                  <a:pt x="561011" y="33671"/>
                </a:cubicBezTo>
                <a:cubicBezTo>
                  <a:pt x="561011" y="27501"/>
                  <a:pt x="556936" y="22057"/>
                  <a:pt x="547483" y="22057"/>
                </a:cubicBezTo>
                <a:close/>
                <a:moveTo>
                  <a:pt x="426640" y="22057"/>
                </a:moveTo>
                <a:lnTo>
                  <a:pt x="419100" y="67936"/>
                </a:lnTo>
                <a:lnTo>
                  <a:pt x="452557" y="48634"/>
                </a:lnTo>
                <a:lnTo>
                  <a:pt x="452573" y="48634"/>
                </a:lnTo>
                <a:cubicBezTo>
                  <a:pt x="460344" y="44147"/>
                  <a:pt x="461037" y="36443"/>
                  <a:pt x="461037" y="33671"/>
                </a:cubicBezTo>
                <a:cubicBezTo>
                  <a:pt x="461037" y="27501"/>
                  <a:pt x="456962" y="22057"/>
                  <a:pt x="447509" y="22057"/>
                </a:cubicBezTo>
                <a:close/>
                <a:moveTo>
                  <a:pt x="118831" y="132"/>
                </a:moveTo>
                <a:lnTo>
                  <a:pt x="186404" y="117180"/>
                </a:lnTo>
                <a:lnTo>
                  <a:pt x="138166" y="117180"/>
                </a:lnTo>
                <a:lnTo>
                  <a:pt x="82652" y="21018"/>
                </a:lnTo>
                <a:close/>
                <a:moveTo>
                  <a:pt x="695811" y="0"/>
                </a:moveTo>
                <a:lnTo>
                  <a:pt x="723593" y="0"/>
                </a:lnTo>
                <a:lnTo>
                  <a:pt x="737137" y="36113"/>
                </a:lnTo>
                <a:lnTo>
                  <a:pt x="762692" y="0"/>
                </a:lnTo>
                <a:lnTo>
                  <a:pt x="790572" y="0"/>
                </a:lnTo>
                <a:lnTo>
                  <a:pt x="747019" y="57213"/>
                </a:lnTo>
                <a:lnTo>
                  <a:pt x="773646" y="117180"/>
                </a:lnTo>
                <a:lnTo>
                  <a:pt x="745683" y="117180"/>
                </a:lnTo>
                <a:lnTo>
                  <a:pt x="730357" y="78082"/>
                </a:lnTo>
                <a:lnTo>
                  <a:pt x="702328" y="117180"/>
                </a:lnTo>
                <a:lnTo>
                  <a:pt x="674101" y="117180"/>
                </a:lnTo>
                <a:lnTo>
                  <a:pt x="720442" y="56998"/>
                </a:lnTo>
                <a:close/>
                <a:moveTo>
                  <a:pt x="605768" y="0"/>
                </a:moveTo>
                <a:lnTo>
                  <a:pt x="684642" y="0"/>
                </a:lnTo>
                <a:lnTo>
                  <a:pt x="681013" y="22057"/>
                </a:lnTo>
                <a:lnTo>
                  <a:pt x="626703" y="22057"/>
                </a:lnTo>
                <a:lnTo>
                  <a:pt x="622628" y="46819"/>
                </a:lnTo>
                <a:lnTo>
                  <a:pt x="659814" y="46819"/>
                </a:lnTo>
                <a:lnTo>
                  <a:pt x="656283" y="68266"/>
                </a:lnTo>
                <a:lnTo>
                  <a:pt x="619115" y="68266"/>
                </a:lnTo>
                <a:lnTo>
                  <a:pt x="614693" y="95140"/>
                </a:lnTo>
                <a:lnTo>
                  <a:pt x="669003" y="95140"/>
                </a:lnTo>
                <a:lnTo>
                  <a:pt x="665373" y="117180"/>
                </a:lnTo>
                <a:lnTo>
                  <a:pt x="586516" y="117180"/>
                </a:lnTo>
                <a:close/>
                <a:moveTo>
                  <a:pt x="505827" y="0"/>
                </a:moveTo>
                <a:lnTo>
                  <a:pt x="552449" y="0"/>
                </a:lnTo>
                <a:cubicBezTo>
                  <a:pt x="573529" y="0"/>
                  <a:pt x="584504" y="12731"/>
                  <a:pt x="585793" y="26624"/>
                </a:cubicBezTo>
                <a:lnTo>
                  <a:pt x="585922" y="29412"/>
                </a:lnTo>
                <a:lnTo>
                  <a:pt x="585912" y="30453"/>
                </a:lnTo>
                <a:cubicBezTo>
                  <a:pt x="585488" y="52401"/>
                  <a:pt x="571851" y="61391"/>
                  <a:pt x="560516" y="67936"/>
                </a:cubicBezTo>
                <a:lnTo>
                  <a:pt x="550007" y="73990"/>
                </a:lnTo>
                <a:lnTo>
                  <a:pt x="575199" y="117180"/>
                </a:lnTo>
                <a:lnTo>
                  <a:pt x="546180" y="117180"/>
                </a:lnTo>
                <a:lnTo>
                  <a:pt x="528346" y="86495"/>
                </a:lnTo>
                <a:lnTo>
                  <a:pt x="514868" y="94282"/>
                </a:lnTo>
                <a:lnTo>
                  <a:pt x="511106" y="117180"/>
                </a:lnTo>
                <a:lnTo>
                  <a:pt x="486558" y="117180"/>
                </a:lnTo>
                <a:close/>
                <a:moveTo>
                  <a:pt x="405853" y="0"/>
                </a:moveTo>
                <a:lnTo>
                  <a:pt x="452474" y="0"/>
                </a:lnTo>
                <a:cubicBezTo>
                  <a:pt x="473555" y="0"/>
                  <a:pt x="484529" y="12731"/>
                  <a:pt x="485819" y="26624"/>
                </a:cubicBezTo>
                <a:lnTo>
                  <a:pt x="485948" y="29412"/>
                </a:lnTo>
                <a:lnTo>
                  <a:pt x="485938" y="30453"/>
                </a:lnTo>
                <a:cubicBezTo>
                  <a:pt x="485514" y="52401"/>
                  <a:pt x="471877" y="61391"/>
                  <a:pt x="460542" y="67936"/>
                </a:cubicBezTo>
                <a:lnTo>
                  <a:pt x="450033" y="73990"/>
                </a:lnTo>
                <a:lnTo>
                  <a:pt x="475224" y="117180"/>
                </a:lnTo>
                <a:lnTo>
                  <a:pt x="446206" y="117180"/>
                </a:lnTo>
                <a:lnTo>
                  <a:pt x="428372" y="86495"/>
                </a:lnTo>
                <a:lnTo>
                  <a:pt x="414893" y="94282"/>
                </a:lnTo>
                <a:lnTo>
                  <a:pt x="411132" y="117180"/>
                </a:lnTo>
                <a:lnTo>
                  <a:pt x="386584" y="117180"/>
                </a:lnTo>
                <a:close/>
                <a:moveTo>
                  <a:pt x="312478" y="0"/>
                </a:moveTo>
                <a:lnTo>
                  <a:pt x="391335" y="0"/>
                </a:lnTo>
                <a:lnTo>
                  <a:pt x="387706" y="22057"/>
                </a:lnTo>
                <a:lnTo>
                  <a:pt x="333396" y="22057"/>
                </a:lnTo>
                <a:lnTo>
                  <a:pt x="329321" y="46819"/>
                </a:lnTo>
                <a:lnTo>
                  <a:pt x="366507" y="46819"/>
                </a:lnTo>
                <a:lnTo>
                  <a:pt x="362976" y="68266"/>
                </a:lnTo>
                <a:lnTo>
                  <a:pt x="325807" y="68266"/>
                </a:lnTo>
                <a:lnTo>
                  <a:pt x="321386" y="95140"/>
                </a:lnTo>
                <a:lnTo>
                  <a:pt x="375696" y="95140"/>
                </a:lnTo>
                <a:lnTo>
                  <a:pt x="372066" y="117180"/>
                </a:lnTo>
                <a:lnTo>
                  <a:pt x="293209" y="117180"/>
                </a:lnTo>
                <a:close/>
                <a:moveTo>
                  <a:pt x="206498" y="0"/>
                </a:moveTo>
                <a:lnTo>
                  <a:pt x="300352" y="0"/>
                </a:lnTo>
                <a:lnTo>
                  <a:pt x="296722" y="22057"/>
                </a:lnTo>
                <a:lnTo>
                  <a:pt x="262078" y="22057"/>
                </a:lnTo>
                <a:lnTo>
                  <a:pt x="246438" y="117180"/>
                </a:lnTo>
                <a:lnTo>
                  <a:pt x="221890" y="117180"/>
                </a:lnTo>
                <a:lnTo>
                  <a:pt x="237530" y="22057"/>
                </a:lnTo>
                <a:lnTo>
                  <a:pt x="202869" y="2205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Y-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418201" y="3837991"/>
            <a:ext cx="379039" cy="194556"/>
          </a:xfrm>
          <a:custGeom>
            <a:avLst/>
            <a:gdLst>
              <a:gd name="connsiteX0" fmla="*/ 161588 w 379039"/>
              <a:gd name="connsiteY0" fmla="*/ 76561 h 194556"/>
              <a:gd name="connsiteX1" fmla="*/ 208375 w 379039"/>
              <a:gd name="connsiteY1" fmla="*/ 76561 h 194556"/>
              <a:gd name="connsiteX2" fmla="*/ 208375 w 379039"/>
              <a:gd name="connsiteY2" fmla="*/ 110771 h 194556"/>
              <a:gd name="connsiteX3" fmla="*/ 161588 w 379039"/>
              <a:gd name="connsiteY3" fmla="*/ 110771 h 194556"/>
              <a:gd name="connsiteX4" fmla="*/ 0 w 379039"/>
              <a:gd name="connsiteY4" fmla="*/ 2422 h 194556"/>
              <a:gd name="connsiteX5" fmla="*/ 55498 w 379039"/>
              <a:gd name="connsiteY5" fmla="*/ 2422 h 194556"/>
              <a:gd name="connsiteX6" fmla="*/ 99802 w 379039"/>
              <a:gd name="connsiteY6" fmla="*/ 67728 h 194556"/>
              <a:gd name="connsiteX7" fmla="*/ 143598 w 379039"/>
              <a:gd name="connsiteY7" fmla="*/ 2422 h 194556"/>
              <a:gd name="connsiteX8" fmla="*/ 198769 w 379039"/>
              <a:gd name="connsiteY8" fmla="*/ 2422 h 194556"/>
              <a:gd name="connsiteX9" fmla="*/ 121741 w 379039"/>
              <a:gd name="connsiteY9" fmla="*/ 108695 h 194556"/>
              <a:gd name="connsiteX10" fmla="*/ 121741 w 379039"/>
              <a:gd name="connsiteY10" fmla="*/ 192053 h 194556"/>
              <a:gd name="connsiteX11" fmla="*/ 75544 w 379039"/>
              <a:gd name="connsiteY11" fmla="*/ 192053 h 194556"/>
              <a:gd name="connsiteX12" fmla="*/ 75544 w 379039"/>
              <a:gd name="connsiteY12" fmla="*/ 108695 h 194556"/>
              <a:gd name="connsiteX13" fmla="*/ 297900 w 379039"/>
              <a:gd name="connsiteY13" fmla="*/ 0 h 194556"/>
              <a:gd name="connsiteX14" fmla="*/ 372914 w 379039"/>
              <a:gd name="connsiteY14" fmla="*/ 51468 h 194556"/>
              <a:gd name="connsiteX15" fmla="*/ 347638 w 379039"/>
              <a:gd name="connsiteY15" fmla="*/ 90583 h 194556"/>
              <a:gd name="connsiteX16" fmla="*/ 379039 w 379039"/>
              <a:gd name="connsiteY16" fmla="*/ 134989 h 194556"/>
              <a:gd name="connsiteX17" fmla="*/ 292547 w 379039"/>
              <a:gd name="connsiteY17" fmla="*/ 194556 h 194556"/>
              <a:gd name="connsiteX18" fmla="*/ 212954 w 379039"/>
              <a:gd name="connsiteY18" fmla="*/ 127092 h 194556"/>
              <a:gd name="connsiteX19" fmla="*/ 212954 w 379039"/>
              <a:gd name="connsiteY19" fmla="*/ 124203 h 194556"/>
              <a:gd name="connsiteX20" fmla="*/ 258866 w 379039"/>
              <a:gd name="connsiteY20" fmla="*/ 124203 h 194556"/>
              <a:gd name="connsiteX21" fmla="*/ 258866 w 379039"/>
              <a:gd name="connsiteY21" fmla="*/ 125505 h 194556"/>
              <a:gd name="connsiteX22" fmla="*/ 297126 w 379039"/>
              <a:gd name="connsiteY22" fmla="*/ 156744 h 194556"/>
              <a:gd name="connsiteX23" fmla="*/ 332598 w 379039"/>
              <a:gd name="connsiteY23" fmla="*/ 132852 h 194556"/>
              <a:gd name="connsiteX24" fmla="*/ 290756 w 379039"/>
              <a:gd name="connsiteY24" fmla="*/ 110791 h 194556"/>
              <a:gd name="connsiteX25" fmla="*/ 279034 w 379039"/>
              <a:gd name="connsiteY25" fmla="*/ 111056 h 194556"/>
              <a:gd name="connsiteX26" fmla="*/ 279034 w 379039"/>
              <a:gd name="connsiteY26" fmla="*/ 76398 h 194556"/>
              <a:gd name="connsiteX27" fmla="*/ 287948 w 379039"/>
              <a:gd name="connsiteY27" fmla="*/ 76663 h 194556"/>
              <a:gd name="connsiteX28" fmla="*/ 327999 w 379039"/>
              <a:gd name="connsiteY28" fmla="*/ 55925 h 194556"/>
              <a:gd name="connsiteX29" fmla="*/ 295600 w 379039"/>
              <a:gd name="connsiteY29" fmla="*/ 34678 h 194556"/>
              <a:gd name="connsiteX30" fmla="*/ 262163 w 379039"/>
              <a:gd name="connsiteY30" fmla="*/ 63292 h 194556"/>
              <a:gd name="connsiteX31" fmla="*/ 262163 w 379039"/>
              <a:gd name="connsiteY31" fmla="*/ 64065 h 194556"/>
              <a:gd name="connsiteX32" fmla="*/ 216760 w 379039"/>
              <a:gd name="connsiteY32" fmla="*/ 64065 h 194556"/>
              <a:gd name="connsiteX33" fmla="*/ 297900 w 379039"/>
              <a:gd name="connsiteY33" fmla="*/ 0 h 1945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379039" h="194556">
                <a:moveTo>
                  <a:pt x="161588" y="76561"/>
                </a:moveTo>
                <a:lnTo>
                  <a:pt x="208375" y="76561"/>
                </a:lnTo>
                <a:lnTo>
                  <a:pt x="208375" y="110771"/>
                </a:lnTo>
                <a:lnTo>
                  <a:pt x="161588" y="110771"/>
                </a:lnTo>
                <a:close/>
                <a:moveTo>
                  <a:pt x="0" y="2422"/>
                </a:moveTo>
                <a:lnTo>
                  <a:pt x="55498" y="2422"/>
                </a:lnTo>
                <a:lnTo>
                  <a:pt x="99802" y="67728"/>
                </a:lnTo>
                <a:lnTo>
                  <a:pt x="143598" y="2422"/>
                </a:lnTo>
                <a:lnTo>
                  <a:pt x="198769" y="2422"/>
                </a:lnTo>
                <a:lnTo>
                  <a:pt x="121741" y="108695"/>
                </a:lnTo>
                <a:lnTo>
                  <a:pt x="121741" y="192053"/>
                </a:lnTo>
                <a:lnTo>
                  <a:pt x="75544" y="192053"/>
                </a:lnTo>
                <a:lnTo>
                  <a:pt x="75544" y="108695"/>
                </a:lnTo>
                <a:close/>
                <a:moveTo>
                  <a:pt x="297900" y="0"/>
                </a:moveTo>
                <a:cubicBezTo>
                  <a:pt x="346132" y="0"/>
                  <a:pt x="372914" y="19680"/>
                  <a:pt x="372914" y="51468"/>
                </a:cubicBezTo>
                <a:cubicBezTo>
                  <a:pt x="372914" y="69580"/>
                  <a:pt x="364733" y="81933"/>
                  <a:pt x="347638" y="90583"/>
                </a:cubicBezTo>
                <a:cubicBezTo>
                  <a:pt x="368843" y="98459"/>
                  <a:pt x="379039" y="112908"/>
                  <a:pt x="379039" y="134989"/>
                </a:cubicBezTo>
                <a:cubicBezTo>
                  <a:pt x="379039" y="170155"/>
                  <a:pt x="347393" y="194556"/>
                  <a:pt x="292547" y="194556"/>
                </a:cubicBezTo>
                <a:cubicBezTo>
                  <a:pt x="241018" y="194556"/>
                  <a:pt x="212954" y="169362"/>
                  <a:pt x="212954" y="127092"/>
                </a:cubicBezTo>
                <a:lnTo>
                  <a:pt x="212954" y="124203"/>
                </a:lnTo>
                <a:lnTo>
                  <a:pt x="258866" y="124203"/>
                </a:lnTo>
                <a:lnTo>
                  <a:pt x="258866" y="125505"/>
                </a:lnTo>
                <a:cubicBezTo>
                  <a:pt x="258866" y="146772"/>
                  <a:pt x="271097" y="156744"/>
                  <a:pt x="297126" y="156744"/>
                </a:cubicBezTo>
                <a:cubicBezTo>
                  <a:pt x="320591" y="156744"/>
                  <a:pt x="332598" y="148868"/>
                  <a:pt x="332598" y="132852"/>
                </a:cubicBezTo>
                <a:cubicBezTo>
                  <a:pt x="332598" y="115798"/>
                  <a:pt x="319838" y="110791"/>
                  <a:pt x="290756" y="110791"/>
                </a:cubicBezTo>
                <a:cubicBezTo>
                  <a:pt x="287174" y="110791"/>
                  <a:pt x="283125" y="110791"/>
                  <a:pt x="279034" y="111056"/>
                </a:cubicBezTo>
                <a:lnTo>
                  <a:pt x="279034" y="76398"/>
                </a:lnTo>
                <a:cubicBezTo>
                  <a:pt x="282087" y="76398"/>
                  <a:pt x="285139" y="76663"/>
                  <a:pt x="287948" y="76663"/>
                </a:cubicBezTo>
                <a:cubicBezTo>
                  <a:pt x="315768" y="76663"/>
                  <a:pt x="327999" y="71677"/>
                  <a:pt x="327999" y="55925"/>
                </a:cubicBezTo>
                <a:cubicBezTo>
                  <a:pt x="327999" y="42819"/>
                  <a:pt x="316765" y="34678"/>
                  <a:pt x="295600" y="34678"/>
                </a:cubicBezTo>
                <a:cubicBezTo>
                  <a:pt x="273153" y="34678"/>
                  <a:pt x="262163" y="43572"/>
                  <a:pt x="262163" y="63292"/>
                </a:cubicBezTo>
                <a:lnTo>
                  <a:pt x="262163" y="64065"/>
                </a:lnTo>
                <a:lnTo>
                  <a:pt x="216760" y="64065"/>
                </a:lnTo>
                <a:cubicBezTo>
                  <a:pt x="217797" y="23648"/>
                  <a:pt x="246615" y="0"/>
                  <a:pt x="297900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te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7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</a:t>
            </a:r>
            <a:br>
              <a:rPr lang="en-US" noProof="0" dirty="0"/>
            </a:br>
            <a:r>
              <a:rPr lang="en-US" noProof="0" dirty="0"/>
              <a:t>presentation</a:t>
            </a:r>
            <a:endParaRPr lang="en-US" noProof="0" dirty="0"/>
          </a:p>
        </p:txBody>
      </p:sp>
      <p:sp>
        <p:nvSpPr>
          <p:cNvPr id="6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28" hasCustomPrompt="1"/>
          </p:nvPr>
        </p:nvSpPr>
        <p:spPr bwMode="gray">
          <a:xfrm>
            <a:off x="4032252" y="3763721"/>
            <a:ext cx="1150936" cy="268826"/>
          </a:xfrm>
          <a:custGeom>
            <a:avLst/>
            <a:gdLst>
              <a:gd name="connsiteX0" fmla="*/ 562026 w 1150936"/>
              <a:gd name="connsiteY0" fmla="*/ 225065 h 268826"/>
              <a:gd name="connsiteX1" fmla="*/ 574114 w 1150936"/>
              <a:gd name="connsiteY1" fmla="*/ 226842 h 268826"/>
              <a:gd name="connsiteX2" fmla="*/ 584708 w 1150936"/>
              <a:gd name="connsiteY2" fmla="*/ 232041 h 268826"/>
              <a:gd name="connsiteX3" fmla="*/ 582000 w 1150936"/>
              <a:gd name="connsiteY3" fmla="*/ 235594 h 268826"/>
              <a:gd name="connsiteX4" fmla="*/ 572728 w 1150936"/>
              <a:gd name="connsiteY4" fmla="*/ 230936 h 268826"/>
              <a:gd name="connsiteX5" fmla="*/ 562112 w 1150936"/>
              <a:gd name="connsiteY5" fmla="*/ 229268 h 268826"/>
              <a:gd name="connsiteX6" fmla="*/ 554942 w 1150936"/>
              <a:gd name="connsiteY6" fmla="*/ 230200 h 268826"/>
              <a:gd name="connsiteX7" fmla="*/ 548768 w 1150936"/>
              <a:gd name="connsiteY7" fmla="*/ 233233 h 268826"/>
              <a:gd name="connsiteX8" fmla="*/ 548768 w 1150936"/>
              <a:gd name="connsiteY8" fmla="*/ 233276 h 268826"/>
              <a:gd name="connsiteX9" fmla="*/ 544413 w 1150936"/>
              <a:gd name="connsiteY9" fmla="*/ 238692 h 268826"/>
              <a:gd name="connsiteX10" fmla="*/ 542766 w 1150936"/>
              <a:gd name="connsiteY10" fmla="*/ 246708 h 268826"/>
              <a:gd name="connsiteX11" fmla="*/ 544413 w 1150936"/>
              <a:gd name="connsiteY11" fmla="*/ 254723 h 268826"/>
              <a:gd name="connsiteX12" fmla="*/ 548768 w 1150936"/>
              <a:gd name="connsiteY12" fmla="*/ 260139 h 268826"/>
              <a:gd name="connsiteX13" fmla="*/ 554942 w 1150936"/>
              <a:gd name="connsiteY13" fmla="*/ 263172 h 268826"/>
              <a:gd name="connsiteX14" fmla="*/ 562112 w 1150936"/>
              <a:gd name="connsiteY14" fmla="*/ 264104 h 268826"/>
              <a:gd name="connsiteX15" fmla="*/ 572728 w 1150936"/>
              <a:gd name="connsiteY15" fmla="*/ 262457 h 268826"/>
              <a:gd name="connsiteX16" fmla="*/ 582000 w 1150936"/>
              <a:gd name="connsiteY16" fmla="*/ 257821 h 268826"/>
              <a:gd name="connsiteX17" fmla="*/ 584708 w 1150936"/>
              <a:gd name="connsiteY17" fmla="*/ 261309 h 268826"/>
              <a:gd name="connsiteX18" fmla="*/ 574114 w 1150936"/>
              <a:gd name="connsiteY18" fmla="*/ 266508 h 268826"/>
              <a:gd name="connsiteX19" fmla="*/ 562026 w 1150936"/>
              <a:gd name="connsiteY19" fmla="*/ 268285 h 268826"/>
              <a:gd name="connsiteX20" fmla="*/ 553078 w 1150936"/>
              <a:gd name="connsiteY20" fmla="*/ 267072 h 268826"/>
              <a:gd name="connsiteX21" fmla="*/ 545431 w 1150936"/>
              <a:gd name="connsiteY21" fmla="*/ 263259 h 268826"/>
              <a:gd name="connsiteX22" fmla="*/ 540124 w 1150936"/>
              <a:gd name="connsiteY22" fmla="*/ 256565 h 268826"/>
              <a:gd name="connsiteX23" fmla="*/ 538152 w 1150936"/>
              <a:gd name="connsiteY23" fmla="*/ 246686 h 268826"/>
              <a:gd name="connsiteX24" fmla="*/ 540124 w 1150936"/>
              <a:gd name="connsiteY24" fmla="*/ 236807 h 268826"/>
              <a:gd name="connsiteX25" fmla="*/ 545431 w 1150936"/>
              <a:gd name="connsiteY25" fmla="*/ 230091 h 268826"/>
              <a:gd name="connsiteX26" fmla="*/ 553078 w 1150936"/>
              <a:gd name="connsiteY26" fmla="*/ 226279 h 268826"/>
              <a:gd name="connsiteX27" fmla="*/ 562026 w 1150936"/>
              <a:gd name="connsiteY27" fmla="*/ 225065 h 268826"/>
              <a:gd name="connsiteX28" fmla="*/ 782109 w 1150936"/>
              <a:gd name="connsiteY28" fmla="*/ 217028 h 268826"/>
              <a:gd name="connsiteX29" fmla="*/ 782109 w 1150936"/>
              <a:gd name="connsiteY29" fmla="*/ 237479 h 268826"/>
              <a:gd name="connsiteX30" fmla="*/ 782109 w 1150936"/>
              <a:gd name="connsiteY30" fmla="*/ 237500 h 268826"/>
              <a:gd name="connsiteX31" fmla="*/ 805766 w 1150936"/>
              <a:gd name="connsiteY31" fmla="*/ 237500 h 268826"/>
              <a:gd name="connsiteX32" fmla="*/ 810900 w 1150936"/>
              <a:gd name="connsiteY32" fmla="*/ 236612 h 268826"/>
              <a:gd name="connsiteX33" fmla="*/ 814431 w 1150936"/>
              <a:gd name="connsiteY33" fmla="*/ 234251 h 268826"/>
              <a:gd name="connsiteX34" fmla="*/ 816468 w 1150936"/>
              <a:gd name="connsiteY34" fmla="*/ 230936 h 268826"/>
              <a:gd name="connsiteX35" fmla="*/ 817096 w 1150936"/>
              <a:gd name="connsiteY35" fmla="*/ 227232 h 268826"/>
              <a:gd name="connsiteX36" fmla="*/ 816468 w 1150936"/>
              <a:gd name="connsiteY36" fmla="*/ 223570 h 268826"/>
              <a:gd name="connsiteX37" fmla="*/ 814431 w 1150936"/>
              <a:gd name="connsiteY37" fmla="*/ 220278 h 268826"/>
              <a:gd name="connsiteX38" fmla="*/ 810900 w 1150936"/>
              <a:gd name="connsiteY38" fmla="*/ 217916 h 268826"/>
              <a:gd name="connsiteX39" fmla="*/ 805766 w 1150936"/>
              <a:gd name="connsiteY39" fmla="*/ 217028 h 268826"/>
              <a:gd name="connsiteX40" fmla="*/ 777321 w 1150936"/>
              <a:gd name="connsiteY40" fmla="*/ 212630 h 268826"/>
              <a:gd name="connsiteX41" fmla="*/ 805766 w 1150936"/>
              <a:gd name="connsiteY41" fmla="*/ 212630 h 268826"/>
              <a:gd name="connsiteX42" fmla="*/ 812720 w 1150936"/>
              <a:gd name="connsiteY42" fmla="*/ 213865 h 268826"/>
              <a:gd name="connsiteX43" fmla="*/ 817789 w 1150936"/>
              <a:gd name="connsiteY43" fmla="*/ 217180 h 268826"/>
              <a:gd name="connsiteX44" fmla="*/ 820887 w 1150936"/>
              <a:gd name="connsiteY44" fmla="*/ 221837 h 268826"/>
              <a:gd name="connsiteX45" fmla="*/ 821949 w 1150936"/>
              <a:gd name="connsiteY45" fmla="*/ 227210 h 268826"/>
              <a:gd name="connsiteX46" fmla="*/ 820887 w 1150936"/>
              <a:gd name="connsiteY46" fmla="*/ 232626 h 268826"/>
              <a:gd name="connsiteX47" fmla="*/ 817789 w 1150936"/>
              <a:gd name="connsiteY47" fmla="*/ 237327 h 268826"/>
              <a:gd name="connsiteX48" fmla="*/ 812720 w 1150936"/>
              <a:gd name="connsiteY48" fmla="*/ 240642 h 268826"/>
              <a:gd name="connsiteX49" fmla="*/ 805766 w 1150936"/>
              <a:gd name="connsiteY49" fmla="*/ 241898 h 268826"/>
              <a:gd name="connsiteX50" fmla="*/ 805744 w 1150936"/>
              <a:gd name="connsiteY50" fmla="*/ 241920 h 268826"/>
              <a:gd name="connsiteX51" fmla="*/ 801325 w 1150936"/>
              <a:gd name="connsiteY51" fmla="*/ 241920 h 268826"/>
              <a:gd name="connsiteX52" fmla="*/ 824982 w 1150936"/>
              <a:gd name="connsiteY52" fmla="*/ 267288 h 268826"/>
              <a:gd name="connsiteX53" fmla="*/ 818786 w 1150936"/>
              <a:gd name="connsiteY53" fmla="*/ 267288 h 268826"/>
              <a:gd name="connsiteX54" fmla="*/ 795129 w 1150936"/>
              <a:gd name="connsiteY54" fmla="*/ 241920 h 268826"/>
              <a:gd name="connsiteX55" fmla="*/ 782087 w 1150936"/>
              <a:gd name="connsiteY55" fmla="*/ 241920 h 268826"/>
              <a:gd name="connsiteX56" fmla="*/ 782087 w 1150936"/>
              <a:gd name="connsiteY56" fmla="*/ 267288 h 268826"/>
              <a:gd name="connsiteX57" fmla="*/ 777321 w 1150936"/>
              <a:gd name="connsiteY57" fmla="*/ 267288 h 268826"/>
              <a:gd name="connsiteX58" fmla="*/ 1026152 w 1150936"/>
              <a:gd name="connsiteY58" fmla="*/ 212609 h 268826"/>
              <a:gd name="connsiteX59" fmla="*/ 1063696 w 1150936"/>
              <a:gd name="connsiteY59" fmla="*/ 212609 h 268826"/>
              <a:gd name="connsiteX60" fmla="*/ 1063696 w 1150936"/>
              <a:gd name="connsiteY60" fmla="*/ 217028 h 268826"/>
              <a:gd name="connsiteX61" fmla="*/ 1030918 w 1150936"/>
              <a:gd name="connsiteY61" fmla="*/ 217028 h 268826"/>
              <a:gd name="connsiteX62" fmla="*/ 1030918 w 1150936"/>
              <a:gd name="connsiteY62" fmla="*/ 237696 h 268826"/>
              <a:gd name="connsiteX63" fmla="*/ 1055160 w 1150936"/>
              <a:gd name="connsiteY63" fmla="*/ 237696 h 268826"/>
              <a:gd name="connsiteX64" fmla="*/ 1055160 w 1150936"/>
              <a:gd name="connsiteY64" fmla="*/ 242115 h 268826"/>
              <a:gd name="connsiteX65" fmla="*/ 1030918 w 1150936"/>
              <a:gd name="connsiteY65" fmla="*/ 242115 h 268826"/>
              <a:gd name="connsiteX66" fmla="*/ 1030918 w 1150936"/>
              <a:gd name="connsiteY66" fmla="*/ 262847 h 268826"/>
              <a:gd name="connsiteX67" fmla="*/ 1063696 w 1150936"/>
              <a:gd name="connsiteY67" fmla="*/ 262847 h 268826"/>
              <a:gd name="connsiteX68" fmla="*/ 1063696 w 1150936"/>
              <a:gd name="connsiteY68" fmla="*/ 267267 h 268826"/>
              <a:gd name="connsiteX69" fmla="*/ 1026152 w 1150936"/>
              <a:gd name="connsiteY69" fmla="*/ 267267 h 268826"/>
              <a:gd name="connsiteX70" fmla="*/ 937980 w 1150936"/>
              <a:gd name="connsiteY70" fmla="*/ 212609 h 268826"/>
              <a:gd name="connsiteX71" fmla="*/ 941967 w 1150936"/>
              <a:gd name="connsiteY71" fmla="*/ 212609 h 268826"/>
              <a:gd name="connsiteX72" fmla="*/ 983604 w 1150936"/>
              <a:gd name="connsiteY72" fmla="*/ 259706 h 268826"/>
              <a:gd name="connsiteX73" fmla="*/ 983604 w 1150936"/>
              <a:gd name="connsiteY73" fmla="*/ 212609 h 268826"/>
              <a:gd name="connsiteX74" fmla="*/ 988370 w 1150936"/>
              <a:gd name="connsiteY74" fmla="*/ 212609 h 268826"/>
              <a:gd name="connsiteX75" fmla="*/ 988370 w 1150936"/>
              <a:gd name="connsiteY75" fmla="*/ 267267 h 268826"/>
              <a:gd name="connsiteX76" fmla="*/ 984363 w 1150936"/>
              <a:gd name="connsiteY76" fmla="*/ 267267 h 268826"/>
              <a:gd name="connsiteX77" fmla="*/ 942746 w 1150936"/>
              <a:gd name="connsiteY77" fmla="*/ 220169 h 268826"/>
              <a:gd name="connsiteX78" fmla="*/ 942746 w 1150936"/>
              <a:gd name="connsiteY78" fmla="*/ 267267 h 268826"/>
              <a:gd name="connsiteX79" fmla="*/ 937980 w 1150936"/>
              <a:gd name="connsiteY79" fmla="*/ 267267 h 268826"/>
              <a:gd name="connsiteX80" fmla="*/ 851087 w 1150936"/>
              <a:gd name="connsiteY80" fmla="*/ 212609 h 268826"/>
              <a:gd name="connsiteX81" fmla="*/ 905614 w 1150936"/>
              <a:gd name="connsiteY81" fmla="*/ 212609 h 268826"/>
              <a:gd name="connsiteX82" fmla="*/ 905614 w 1150936"/>
              <a:gd name="connsiteY82" fmla="*/ 217028 h 268826"/>
              <a:gd name="connsiteX83" fmla="*/ 880744 w 1150936"/>
              <a:gd name="connsiteY83" fmla="*/ 217028 h 268826"/>
              <a:gd name="connsiteX84" fmla="*/ 880744 w 1150936"/>
              <a:gd name="connsiteY84" fmla="*/ 267267 h 268826"/>
              <a:gd name="connsiteX85" fmla="*/ 875978 w 1150936"/>
              <a:gd name="connsiteY85" fmla="*/ 267267 h 268826"/>
              <a:gd name="connsiteX86" fmla="*/ 875978 w 1150936"/>
              <a:gd name="connsiteY86" fmla="*/ 217028 h 268826"/>
              <a:gd name="connsiteX87" fmla="*/ 851087 w 1150936"/>
              <a:gd name="connsiteY87" fmla="*/ 217028 h 268826"/>
              <a:gd name="connsiteX88" fmla="*/ 712481 w 1150936"/>
              <a:gd name="connsiteY88" fmla="*/ 212609 h 268826"/>
              <a:gd name="connsiteX89" fmla="*/ 717810 w 1150936"/>
              <a:gd name="connsiteY89" fmla="*/ 212609 h 268826"/>
              <a:gd name="connsiteX90" fmla="*/ 748183 w 1150936"/>
              <a:gd name="connsiteY90" fmla="*/ 267267 h 268826"/>
              <a:gd name="connsiteX91" fmla="*/ 742832 w 1150936"/>
              <a:gd name="connsiteY91" fmla="*/ 267267 h 268826"/>
              <a:gd name="connsiteX92" fmla="*/ 734860 w 1150936"/>
              <a:gd name="connsiteY92" fmla="*/ 252947 h 268826"/>
              <a:gd name="connsiteX93" fmla="*/ 714604 w 1150936"/>
              <a:gd name="connsiteY93" fmla="*/ 252947 h 268826"/>
              <a:gd name="connsiteX94" fmla="*/ 714604 w 1150936"/>
              <a:gd name="connsiteY94" fmla="*/ 248527 h 268826"/>
              <a:gd name="connsiteX95" fmla="*/ 732434 w 1150936"/>
              <a:gd name="connsiteY95" fmla="*/ 248527 h 268826"/>
              <a:gd name="connsiteX96" fmla="*/ 443286 w 1150936"/>
              <a:gd name="connsiteY96" fmla="*/ 212609 h 268826"/>
              <a:gd name="connsiteX97" fmla="*/ 447207 w 1150936"/>
              <a:gd name="connsiteY97" fmla="*/ 212609 h 268826"/>
              <a:gd name="connsiteX98" fmla="*/ 473139 w 1150936"/>
              <a:gd name="connsiteY98" fmla="*/ 241032 h 268826"/>
              <a:gd name="connsiteX99" fmla="*/ 499005 w 1150936"/>
              <a:gd name="connsiteY99" fmla="*/ 212609 h 268826"/>
              <a:gd name="connsiteX100" fmla="*/ 502927 w 1150936"/>
              <a:gd name="connsiteY100" fmla="*/ 212609 h 268826"/>
              <a:gd name="connsiteX101" fmla="*/ 502927 w 1150936"/>
              <a:gd name="connsiteY101" fmla="*/ 267267 h 268826"/>
              <a:gd name="connsiteX102" fmla="*/ 498161 w 1150936"/>
              <a:gd name="connsiteY102" fmla="*/ 267267 h 268826"/>
              <a:gd name="connsiteX103" fmla="*/ 498442 w 1150936"/>
              <a:gd name="connsiteY103" fmla="*/ 220018 h 268826"/>
              <a:gd name="connsiteX104" fmla="*/ 474504 w 1150936"/>
              <a:gd name="connsiteY104" fmla="*/ 246318 h 268826"/>
              <a:gd name="connsiteX105" fmla="*/ 471709 w 1150936"/>
              <a:gd name="connsiteY105" fmla="*/ 246318 h 268826"/>
              <a:gd name="connsiteX106" fmla="*/ 448052 w 1150936"/>
              <a:gd name="connsiteY106" fmla="*/ 220299 h 268826"/>
              <a:gd name="connsiteX107" fmla="*/ 448052 w 1150936"/>
              <a:gd name="connsiteY107" fmla="*/ 267267 h 268826"/>
              <a:gd name="connsiteX108" fmla="*/ 443286 w 1150936"/>
              <a:gd name="connsiteY108" fmla="*/ 267267 h 268826"/>
              <a:gd name="connsiteX109" fmla="*/ 405439 w 1150936"/>
              <a:gd name="connsiteY109" fmla="*/ 212609 h 268826"/>
              <a:gd name="connsiteX110" fmla="*/ 410769 w 1150936"/>
              <a:gd name="connsiteY110" fmla="*/ 212609 h 268826"/>
              <a:gd name="connsiteX111" fmla="*/ 390816 w 1150936"/>
              <a:gd name="connsiteY111" fmla="*/ 248527 h 268826"/>
              <a:gd name="connsiteX112" fmla="*/ 408646 w 1150936"/>
              <a:gd name="connsiteY112" fmla="*/ 248527 h 268826"/>
              <a:gd name="connsiteX113" fmla="*/ 408646 w 1150936"/>
              <a:gd name="connsiteY113" fmla="*/ 252947 h 268826"/>
              <a:gd name="connsiteX114" fmla="*/ 388412 w 1150936"/>
              <a:gd name="connsiteY114" fmla="*/ 252947 h 268826"/>
              <a:gd name="connsiteX115" fmla="*/ 380418 w 1150936"/>
              <a:gd name="connsiteY115" fmla="*/ 267267 h 268826"/>
              <a:gd name="connsiteX116" fmla="*/ 375067 w 1150936"/>
              <a:gd name="connsiteY116" fmla="*/ 267267 h 268826"/>
              <a:gd name="connsiteX117" fmla="*/ 310573 w 1150936"/>
              <a:gd name="connsiteY117" fmla="*/ 212609 h 268826"/>
              <a:gd name="connsiteX118" fmla="*/ 315339 w 1150936"/>
              <a:gd name="connsiteY118" fmla="*/ 212609 h 268826"/>
              <a:gd name="connsiteX119" fmla="*/ 315339 w 1150936"/>
              <a:gd name="connsiteY119" fmla="*/ 262847 h 268826"/>
              <a:gd name="connsiteX120" fmla="*/ 339863 w 1150936"/>
              <a:gd name="connsiteY120" fmla="*/ 262847 h 268826"/>
              <a:gd name="connsiteX121" fmla="*/ 339863 w 1150936"/>
              <a:gd name="connsiteY121" fmla="*/ 267267 h 268826"/>
              <a:gd name="connsiteX122" fmla="*/ 310573 w 1150936"/>
              <a:gd name="connsiteY122" fmla="*/ 267267 h 268826"/>
              <a:gd name="connsiteX123" fmla="*/ 240079 w 1150936"/>
              <a:gd name="connsiteY123" fmla="*/ 212609 h 268826"/>
              <a:gd name="connsiteX124" fmla="*/ 244867 w 1150936"/>
              <a:gd name="connsiteY124" fmla="*/ 212609 h 268826"/>
              <a:gd name="connsiteX125" fmla="*/ 244867 w 1150936"/>
              <a:gd name="connsiteY125" fmla="*/ 262847 h 268826"/>
              <a:gd name="connsiteX126" fmla="*/ 269369 w 1150936"/>
              <a:gd name="connsiteY126" fmla="*/ 262847 h 268826"/>
              <a:gd name="connsiteX127" fmla="*/ 269369 w 1150936"/>
              <a:gd name="connsiteY127" fmla="*/ 267267 h 268826"/>
              <a:gd name="connsiteX128" fmla="*/ 240079 w 1150936"/>
              <a:gd name="connsiteY128" fmla="*/ 267267 h 268826"/>
              <a:gd name="connsiteX129" fmla="*/ 161114 w 1150936"/>
              <a:gd name="connsiteY129" fmla="*/ 212609 h 268826"/>
              <a:gd name="connsiteX130" fmla="*/ 198680 w 1150936"/>
              <a:gd name="connsiteY130" fmla="*/ 212609 h 268826"/>
              <a:gd name="connsiteX131" fmla="*/ 198680 w 1150936"/>
              <a:gd name="connsiteY131" fmla="*/ 217028 h 268826"/>
              <a:gd name="connsiteX132" fmla="*/ 165902 w 1150936"/>
              <a:gd name="connsiteY132" fmla="*/ 217028 h 268826"/>
              <a:gd name="connsiteX133" fmla="*/ 165902 w 1150936"/>
              <a:gd name="connsiteY133" fmla="*/ 237696 h 268826"/>
              <a:gd name="connsiteX134" fmla="*/ 190122 w 1150936"/>
              <a:gd name="connsiteY134" fmla="*/ 237696 h 268826"/>
              <a:gd name="connsiteX135" fmla="*/ 190122 w 1150936"/>
              <a:gd name="connsiteY135" fmla="*/ 242115 h 268826"/>
              <a:gd name="connsiteX136" fmla="*/ 165902 w 1150936"/>
              <a:gd name="connsiteY136" fmla="*/ 242115 h 268826"/>
              <a:gd name="connsiteX137" fmla="*/ 165902 w 1150936"/>
              <a:gd name="connsiteY137" fmla="*/ 262847 h 268826"/>
              <a:gd name="connsiteX138" fmla="*/ 198680 w 1150936"/>
              <a:gd name="connsiteY138" fmla="*/ 262847 h 268826"/>
              <a:gd name="connsiteX139" fmla="*/ 198680 w 1150936"/>
              <a:gd name="connsiteY139" fmla="*/ 267267 h 268826"/>
              <a:gd name="connsiteX140" fmla="*/ 161114 w 1150936"/>
              <a:gd name="connsiteY140" fmla="*/ 267267 h 268826"/>
              <a:gd name="connsiteX141" fmla="*/ 74091 w 1150936"/>
              <a:gd name="connsiteY141" fmla="*/ 212609 h 268826"/>
              <a:gd name="connsiteX142" fmla="*/ 128618 w 1150936"/>
              <a:gd name="connsiteY142" fmla="*/ 212609 h 268826"/>
              <a:gd name="connsiteX143" fmla="*/ 128618 w 1150936"/>
              <a:gd name="connsiteY143" fmla="*/ 217028 h 268826"/>
              <a:gd name="connsiteX144" fmla="*/ 103748 w 1150936"/>
              <a:gd name="connsiteY144" fmla="*/ 217028 h 268826"/>
              <a:gd name="connsiteX145" fmla="*/ 103748 w 1150936"/>
              <a:gd name="connsiteY145" fmla="*/ 267267 h 268826"/>
              <a:gd name="connsiteX146" fmla="*/ 98961 w 1150936"/>
              <a:gd name="connsiteY146" fmla="*/ 267267 h 268826"/>
              <a:gd name="connsiteX147" fmla="*/ 98961 w 1150936"/>
              <a:gd name="connsiteY147" fmla="*/ 217028 h 268826"/>
              <a:gd name="connsiteX148" fmla="*/ 74091 w 1150936"/>
              <a:gd name="connsiteY148" fmla="*/ 217028 h 268826"/>
              <a:gd name="connsiteX149" fmla="*/ 1093635 w 1150936"/>
              <a:gd name="connsiteY149" fmla="*/ 212522 h 268826"/>
              <a:gd name="connsiteX150" fmla="*/ 1099766 w 1150936"/>
              <a:gd name="connsiteY150" fmla="*/ 212522 h 268826"/>
              <a:gd name="connsiteX151" fmla="*/ 1122296 w 1150936"/>
              <a:gd name="connsiteY151" fmla="*/ 236980 h 268826"/>
              <a:gd name="connsiteX152" fmla="*/ 1144740 w 1150936"/>
              <a:gd name="connsiteY152" fmla="*/ 212522 h 268826"/>
              <a:gd name="connsiteX153" fmla="*/ 1150936 w 1150936"/>
              <a:gd name="connsiteY153" fmla="*/ 212522 h 268826"/>
              <a:gd name="connsiteX154" fmla="*/ 1124636 w 1150936"/>
              <a:gd name="connsiteY154" fmla="*/ 241118 h 268826"/>
              <a:gd name="connsiteX155" fmla="*/ 1124636 w 1150936"/>
              <a:gd name="connsiteY155" fmla="*/ 267267 h 268826"/>
              <a:gd name="connsiteX156" fmla="*/ 1119870 w 1150936"/>
              <a:gd name="connsiteY156" fmla="*/ 267267 h 268826"/>
              <a:gd name="connsiteX157" fmla="*/ 1119870 w 1150936"/>
              <a:gd name="connsiteY157" fmla="*/ 241118 h 268826"/>
              <a:gd name="connsiteX158" fmla="*/ 24719 w 1150936"/>
              <a:gd name="connsiteY158" fmla="*/ 211136 h 268826"/>
              <a:gd name="connsiteX159" fmla="*/ 31998 w 1150936"/>
              <a:gd name="connsiteY159" fmla="*/ 211764 h 268826"/>
              <a:gd name="connsiteX160" fmla="*/ 38973 w 1150936"/>
              <a:gd name="connsiteY160" fmla="*/ 213540 h 268826"/>
              <a:gd name="connsiteX161" fmla="*/ 45169 w 1150936"/>
              <a:gd name="connsiteY161" fmla="*/ 216443 h 268826"/>
              <a:gd name="connsiteX162" fmla="*/ 50152 w 1150936"/>
              <a:gd name="connsiteY162" fmla="*/ 220408 h 268826"/>
              <a:gd name="connsiteX163" fmla="*/ 47097 w 1150936"/>
              <a:gd name="connsiteY163" fmla="*/ 223831 h 268826"/>
              <a:gd name="connsiteX164" fmla="*/ 42483 w 1150936"/>
              <a:gd name="connsiteY164" fmla="*/ 220126 h 268826"/>
              <a:gd name="connsiteX165" fmla="*/ 36937 w 1150936"/>
              <a:gd name="connsiteY165" fmla="*/ 217483 h 268826"/>
              <a:gd name="connsiteX166" fmla="*/ 30763 w 1150936"/>
              <a:gd name="connsiteY166" fmla="*/ 215880 h 268826"/>
              <a:gd name="connsiteX167" fmla="*/ 24480 w 1150936"/>
              <a:gd name="connsiteY167" fmla="*/ 215360 h 268826"/>
              <a:gd name="connsiteX168" fmla="*/ 17721 w 1150936"/>
              <a:gd name="connsiteY168" fmla="*/ 216032 h 268826"/>
              <a:gd name="connsiteX169" fmla="*/ 11872 w 1150936"/>
              <a:gd name="connsiteY169" fmla="*/ 218133 h 268826"/>
              <a:gd name="connsiteX170" fmla="*/ 7734 w 1150936"/>
              <a:gd name="connsiteY170" fmla="*/ 221686 h 268826"/>
              <a:gd name="connsiteX171" fmla="*/ 6153 w 1150936"/>
              <a:gd name="connsiteY171" fmla="*/ 226734 h 268826"/>
              <a:gd name="connsiteX172" fmla="*/ 8124 w 1150936"/>
              <a:gd name="connsiteY172" fmla="*/ 232258 h 268826"/>
              <a:gd name="connsiteX173" fmla="*/ 13258 w 1150936"/>
              <a:gd name="connsiteY173" fmla="*/ 235356 h 268826"/>
              <a:gd name="connsiteX174" fmla="*/ 20494 w 1150936"/>
              <a:gd name="connsiteY174" fmla="*/ 236937 h 268826"/>
              <a:gd name="connsiteX175" fmla="*/ 28835 w 1150936"/>
              <a:gd name="connsiteY175" fmla="*/ 237869 h 268826"/>
              <a:gd name="connsiteX176" fmla="*/ 37175 w 1150936"/>
              <a:gd name="connsiteY176" fmla="*/ 238930 h 268826"/>
              <a:gd name="connsiteX177" fmla="*/ 44411 w 1150936"/>
              <a:gd name="connsiteY177" fmla="*/ 241075 h 268826"/>
              <a:gd name="connsiteX178" fmla="*/ 44454 w 1150936"/>
              <a:gd name="connsiteY178" fmla="*/ 241075 h 268826"/>
              <a:gd name="connsiteX179" fmla="*/ 49589 w 1150936"/>
              <a:gd name="connsiteY179" fmla="*/ 245191 h 268826"/>
              <a:gd name="connsiteX180" fmla="*/ 51539 w 1150936"/>
              <a:gd name="connsiteY180" fmla="*/ 252102 h 268826"/>
              <a:gd name="connsiteX181" fmla="*/ 49437 w 1150936"/>
              <a:gd name="connsiteY181" fmla="*/ 259403 h 268826"/>
              <a:gd name="connsiteX182" fmla="*/ 43956 w 1150936"/>
              <a:gd name="connsiteY182" fmla="*/ 264364 h 268826"/>
              <a:gd name="connsiteX183" fmla="*/ 36330 w 1150936"/>
              <a:gd name="connsiteY183" fmla="*/ 267136 h 268826"/>
              <a:gd name="connsiteX184" fmla="*/ 27730 w 1150936"/>
              <a:gd name="connsiteY184" fmla="*/ 267981 h 268826"/>
              <a:gd name="connsiteX185" fmla="*/ 11049 w 1150936"/>
              <a:gd name="connsiteY185" fmla="*/ 264623 h 268826"/>
              <a:gd name="connsiteX186" fmla="*/ 0 w 1150936"/>
              <a:gd name="connsiteY186" fmla="*/ 255503 h 268826"/>
              <a:gd name="connsiteX187" fmla="*/ 3055 w 1150936"/>
              <a:gd name="connsiteY187" fmla="*/ 252015 h 268826"/>
              <a:gd name="connsiteX188" fmla="*/ 13323 w 1150936"/>
              <a:gd name="connsiteY188" fmla="*/ 260637 h 268826"/>
              <a:gd name="connsiteX189" fmla="*/ 28011 w 1150936"/>
              <a:gd name="connsiteY189" fmla="*/ 263779 h 268826"/>
              <a:gd name="connsiteX190" fmla="*/ 34706 w 1150936"/>
              <a:gd name="connsiteY190" fmla="*/ 263129 h 268826"/>
              <a:gd name="connsiteX191" fmla="*/ 40728 w 1150936"/>
              <a:gd name="connsiteY191" fmla="*/ 261114 h 268826"/>
              <a:gd name="connsiteX192" fmla="*/ 45039 w 1150936"/>
              <a:gd name="connsiteY192" fmla="*/ 257518 h 268826"/>
              <a:gd name="connsiteX193" fmla="*/ 46686 w 1150936"/>
              <a:gd name="connsiteY193" fmla="*/ 252080 h 268826"/>
              <a:gd name="connsiteX194" fmla="*/ 44714 w 1150936"/>
              <a:gd name="connsiteY194" fmla="*/ 246968 h 268826"/>
              <a:gd name="connsiteX195" fmla="*/ 39580 w 1150936"/>
              <a:gd name="connsiteY195" fmla="*/ 244108 h 268826"/>
              <a:gd name="connsiteX196" fmla="*/ 32344 w 1150936"/>
              <a:gd name="connsiteY196" fmla="*/ 242722 h 268826"/>
              <a:gd name="connsiteX197" fmla="*/ 24025 w 1150936"/>
              <a:gd name="connsiteY197" fmla="*/ 241898 h 268826"/>
              <a:gd name="connsiteX198" fmla="*/ 15685 w 1150936"/>
              <a:gd name="connsiteY198" fmla="*/ 240750 h 268826"/>
              <a:gd name="connsiteX199" fmla="*/ 8449 w 1150936"/>
              <a:gd name="connsiteY199" fmla="*/ 238432 h 268826"/>
              <a:gd name="connsiteX200" fmla="*/ 3315 w 1150936"/>
              <a:gd name="connsiteY200" fmla="*/ 234034 h 268826"/>
              <a:gd name="connsiteX201" fmla="*/ 1365 w 1150936"/>
              <a:gd name="connsiteY201" fmla="*/ 226690 h 268826"/>
              <a:gd name="connsiteX202" fmla="*/ 3358 w 1150936"/>
              <a:gd name="connsiteY202" fmla="*/ 219714 h 268826"/>
              <a:gd name="connsiteX203" fmla="*/ 8622 w 1150936"/>
              <a:gd name="connsiteY203" fmla="*/ 214862 h 268826"/>
              <a:gd name="connsiteX204" fmla="*/ 16096 w 1150936"/>
              <a:gd name="connsiteY204" fmla="*/ 212045 h 268826"/>
              <a:gd name="connsiteX205" fmla="*/ 24719 w 1150936"/>
              <a:gd name="connsiteY205" fmla="*/ 211136 h 268826"/>
              <a:gd name="connsiteX206" fmla="*/ 649223 w 1150936"/>
              <a:gd name="connsiteY206" fmla="*/ 210832 h 268826"/>
              <a:gd name="connsiteX207" fmla="*/ 658430 w 1150936"/>
              <a:gd name="connsiteY207" fmla="*/ 211677 h 268826"/>
              <a:gd name="connsiteX208" fmla="*/ 667334 w 1150936"/>
              <a:gd name="connsiteY208" fmla="*/ 214103 h 268826"/>
              <a:gd name="connsiteX209" fmla="*/ 675306 w 1150936"/>
              <a:gd name="connsiteY209" fmla="*/ 217916 h 268826"/>
              <a:gd name="connsiteX210" fmla="*/ 681719 w 1150936"/>
              <a:gd name="connsiteY210" fmla="*/ 222942 h 268826"/>
              <a:gd name="connsiteX211" fmla="*/ 678664 w 1150936"/>
              <a:gd name="connsiteY211" fmla="*/ 226365 h 268826"/>
              <a:gd name="connsiteX212" fmla="*/ 672750 w 1150936"/>
              <a:gd name="connsiteY212" fmla="*/ 221686 h 268826"/>
              <a:gd name="connsiteX213" fmla="*/ 665449 w 1150936"/>
              <a:gd name="connsiteY213" fmla="*/ 218154 h 268826"/>
              <a:gd name="connsiteX214" fmla="*/ 657368 w 1150936"/>
              <a:gd name="connsiteY214" fmla="*/ 215945 h 268826"/>
              <a:gd name="connsiteX215" fmla="*/ 649028 w 1150936"/>
              <a:gd name="connsiteY215" fmla="*/ 215165 h 268826"/>
              <a:gd name="connsiteX216" fmla="*/ 638976 w 1150936"/>
              <a:gd name="connsiteY216" fmla="*/ 216551 h 268826"/>
              <a:gd name="connsiteX217" fmla="*/ 630570 w 1150936"/>
              <a:gd name="connsiteY217" fmla="*/ 220906 h 268826"/>
              <a:gd name="connsiteX218" fmla="*/ 630570 w 1150936"/>
              <a:gd name="connsiteY218" fmla="*/ 220884 h 268826"/>
              <a:gd name="connsiteX219" fmla="*/ 624764 w 1150936"/>
              <a:gd name="connsiteY219" fmla="*/ 228510 h 268826"/>
              <a:gd name="connsiteX220" fmla="*/ 622576 w 1150936"/>
              <a:gd name="connsiteY220" fmla="*/ 239818 h 268826"/>
              <a:gd name="connsiteX221" fmla="*/ 624764 w 1150936"/>
              <a:gd name="connsiteY221" fmla="*/ 251105 h 268826"/>
              <a:gd name="connsiteX222" fmla="*/ 630570 w 1150936"/>
              <a:gd name="connsiteY222" fmla="*/ 258731 h 268826"/>
              <a:gd name="connsiteX223" fmla="*/ 638976 w 1150936"/>
              <a:gd name="connsiteY223" fmla="*/ 263085 h 268826"/>
              <a:gd name="connsiteX224" fmla="*/ 649028 w 1150936"/>
              <a:gd name="connsiteY224" fmla="*/ 264472 h 268826"/>
              <a:gd name="connsiteX225" fmla="*/ 657368 w 1150936"/>
              <a:gd name="connsiteY225" fmla="*/ 263692 h 268826"/>
              <a:gd name="connsiteX226" fmla="*/ 665449 w 1150936"/>
              <a:gd name="connsiteY226" fmla="*/ 261482 h 268826"/>
              <a:gd name="connsiteX227" fmla="*/ 672750 w 1150936"/>
              <a:gd name="connsiteY227" fmla="*/ 257951 h 268826"/>
              <a:gd name="connsiteX228" fmla="*/ 678664 w 1150936"/>
              <a:gd name="connsiteY228" fmla="*/ 253293 h 268826"/>
              <a:gd name="connsiteX229" fmla="*/ 681719 w 1150936"/>
              <a:gd name="connsiteY229" fmla="*/ 256716 h 268826"/>
              <a:gd name="connsiteX230" fmla="*/ 675306 w 1150936"/>
              <a:gd name="connsiteY230" fmla="*/ 261742 h 268826"/>
              <a:gd name="connsiteX231" fmla="*/ 667334 w 1150936"/>
              <a:gd name="connsiteY231" fmla="*/ 265555 h 268826"/>
              <a:gd name="connsiteX232" fmla="*/ 658430 w 1150936"/>
              <a:gd name="connsiteY232" fmla="*/ 267981 h 268826"/>
              <a:gd name="connsiteX233" fmla="*/ 649223 w 1150936"/>
              <a:gd name="connsiteY233" fmla="*/ 268826 h 268826"/>
              <a:gd name="connsiteX234" fmla="*/ 637394 w 1150936"/>
              <a:gd name="connsiteY234" fmla="*/ 267223 h 268826"/>
              <a:gd name="connsiteX235" fmla="*/ 627342 w 1150936"/>
              <a:gd name="connsiteY235" fmla="*/ 262132 h 268826"/>
              <a:gd name="connsiteX236" fmla="*/ 620388 w 1150936"/>
              <a:gd name="connsiteY236" fmla="*/ 253120 h 268826"/>
              <a:gd name="connsiteX237" fmla="*/ 617788 w 1150936"/>
              <a:gd name="connsiteY237" fmla="*/ 239840 h 268826"/>
              <a:gd name="connsiteX238" fmla="*/ 620388 w 1150936"/>
              <a:gd name="connsiteY238" fmla="*/ 226538 h 268826"/>
              <a:gd name="connsiteX239" fmla="*/ 627342 w 1150936"/>
              <a:gd name="connsiteY239" fmla="*/ 217526 h 268826"/>
              <a:gd name="connsiteX240" fmla="*/ 637394 w 1150936"/>
              <a:gd name="connsiteY240" fmla="*/ 212435 h 268826"/>
              <a:gd name="connsiteX241" fmla="*/ 649223 w 1150936"/>
              <a:gd name="connsiteY241" fmla="*/ 210832 h 268826"/>
              <a:gd name="connsiteX242" fmla="*/ 500977 w 1150936"/>
              <a:gd name="connsiteY242" fmla="*/ 104095 h 268826"/>
              <a:gd name="connsiteX243" fmla="*/ 529140 w 1150936"/>
              <a:gd name="connsiteY243" fmla="*/ 152882 h 268826"/>
              <a:gd name="connsiteX244" fmla="*/ 466141 w 1150936"/>
              <a:gd name="connsiteY244" fmla="*/ 152882 h 268826"/>
              <a:gd name="connsiteX245" fmla="*/ 453707 w 1150936"/>
              <a:gd name="connsiteY245" fmla="*/ 131370 h 268826"/>
              <a:gd name="connsiteX246" fmla="*/ 554877 w 1150936"/>
              <a:gd name="connsiteY246" fmla="*/ 51993 h 268826"/>
              <a:gd name="connsiteX247" fmla="*/ 613131 w 1150936"/>
              <a:gd name="connsiteY247" fmla="*/ 152882 h 268826"/>
              <a:gd name="connsiteX248" fmla="*/ 550132 w 1150936"/>
              <a:gd name="connsiteY248" fmla="*/ 152882 h 268826"/>
              <a:gd name="connsiteX249" fmla="*/ 507628 w 1150936"/>
              <a:gd name="connsiteY249" fmla="*/ 79268 h 268826"/>
              <a:gd name="connsiteX250" fmla="*/ 608928 w 1150936"/>
              <a:gd name="connsiteY250" fmla="*/ 0 h 268826"/>
              <a:gd name="connsiteX251" fmla="*/ 697208 w 1150936"/>
              <a:gd name="connsiteY251" fmla="*/ 152882 h 268826"/>
              <a:gd name="connsiteX252" fmla="*/ 634188 w 1150936"/>
              <a:gd name="connsiteY252" fmla="*/ 152882 h 268826"/>
              <a:gd name="connsiteX253" fmla="*/ 561679 w 1150936"/>
              <a:gd name="connsiteY253" fmla="*/ 27297 h 268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</a:cxnLst>
            <a:rect l="l" t="t" r="r" b="b"/>
            <a:pathLst>
              <a:path w="1150936" h="268826">
                <a:moveTo>
                  <a:pt x="562026" y="225065"/>
                </a:moveTo>
                <a:cubicBezTo>
                  <a:pt x="566185" y="225065"/>
                  <a:pt x="570193" y="225650"/>
                  <a:pt x="574114" y="226842"/>
                </a:cubicBezTo>
                <a:cubicBezTo>
                  <a:pt x="578035" y="228033"/>
                  <a:pt x="581567" y="229766"/>
                  <a:pt x="584708" y="232041"/>
                </a:cubicBezTo>
                <a:lnTo>
                  <a:pt x="582000" y="235594"/>
                </a:lnTo>
                <a:cubicBezTo>
                  <a:pt x="579227" y="233601"/>
                  <a:pt x="576150" y="232063"/>
                  <a:pt x="572728" y="230936"/>
                </a:cubicBezTo>
                <a:cubicBezTo>
                  <a:pt x="569305" y="229831"/>
                  <a:pt x="565774" y="229268"/>
                  <a:pt x="562112" y="229268"/>
                </a:cubicBezTo>
                <a:cubicBezTo>
                  <a:pt x="559643" y="229268"/>
                  <a:pt x="557260" y="229572"/>
                  <a:pt x="554942" y="230200"/>
                </a:cubicBezTo>
                <a:cubicBezTo>
                  <a:pt x="552624" y="230828"/>
                  <a:pt x="550565" y="231825"/>
                  <a:pt x="548768" y="233233"/>
                </a:cubicBezTo>
                <a:lnTo>
                  <a:pt x="548768" y="233276"/>
                </a:lnTo>
                <a:cubicBezTo>
                  <a:pt x="546948" y="234663"/>
                  <a:pt x="545496" y="236482"/>
                  <a:pt x="544413" y="238692"/>
                </a:cubicBezTo>
                <a:cubicBezTo>
                  <a:pt x="543308" y="240902"/>
                  <a:pt x="542766" y="243588"/>
                  <a:pt x="542766" y="246708"/>
                </a:cubicBezTo>
                <a:cubicBezTo>
                  <a:pt x="542766" y="249827"/>
                  <a:pt x="543308" y="252514"/>
                  <a:pt x="544413" y="254723"/>
                </a:cubicBezTo>
                <a:cubicBezTo>
                  <a:pt x="545518" y="256933"/>
                  <a:pt x="546969" y="258731"/>
                  <a:pt x="548768" y="260139"/>
                </a:cubicBezTo>
                <a:cubicBezTo>
                  <a:pt x="550587" y="261547"/>
                  <a:pt x="552645" y="262566"/>
                  <a:pt x="554942" y="263172"/>
                </a:cubicBezTo>
                <a:cubicBezTo>
                  <a:pt x="557260" y="263800"/>
                  <a:pt x="559643" y="264104"/>
                  <a:pt x="562112" y="264104"/>
                </a:cubicBezTo>
                <a:cubicBezTo>
                  <a:pt x="565752" y="264104"/>
                  <a:pt x="569305" y="263540"/>
                  <a:pt x="572728" y="262457"/>
                </a:cubicBezTo>
                <a:cubicBezTo>
                  <a:pt x="576150" y="261374"/>
                  <a:pt x="579248" y="259814"/>
                  <a:pt x="582000" y="257821"/>
                </a:cubicBezTo>
                <a:lnTo>
                  <a:pt x="584708" y="261309"/>
                </a:lnTo>
                <a:cubicBezTo>
                  <a:pt x="581567" y="263584"/>
                  <a:pt x="578035" y="265317"/>
                  <a:pt x="574114" y="266508"/>
                </a:cubicBezTo>
                <a:cubicBezTo>
                  <a:pt x="570193" y="267678"/>
                  <a:pt x="566163" y="268285"/>
                  <a:pt x="562026" y="268285"/>
                </a:cubicBezTo>
                <a:cubicBezTo>
                  <a:pt x="558928" y="268285"/>
                  <a:pt x="555960" y="267895"/>
                  <a:pt x="553078" y="267072"/>
                </a:cubicBezTo>
                <a:cubicBezTo>
                  <a:pt x="550197" y="266270"/>
                  <a:pt x="547663" y="264992"/>
                  <a:pt x="545431" y="263259"/>
                </a:cubicBezTo>
                <a:cubicBezTo>
                  <a:pt x="543200" y="261526"/>
                  <a:pt x="541445" y="259294"/>
                  <a:pt x="540124" y="256565"/>
                </a:cubicBezTo>
                <a:cubicBezTo>
                  <a:pt x="538802" y="253835"/>
                  <a:pt x="538152" y="250542"/>
                  <a:pt x="538152" y="246686"/>
                </a:cubicBezTo>
                <a:cubicBezTo>
                  <a:pt x="538152" y="242830"/>
                  <a:pt x="538824" y="239537"/>
                  <a:pt x="540124" y="236807"/>
                </a:cubicBezTo>
                <a:cubicBezTo>
                  <a:pt x="541423" y="234056"/>
                  <a:pt x="543200" y="231825"/>
                  <a:pt x="545431" y="230091"/>
                </a:cubicBezTo>
                <a:cubicBezTo>
                  <a:pt x="547641" y="228358"/>
                  <a:pt x="550197" y="227080"/>
                  <a:pt x="553078" y="226279"/>
                </a:cubicBezTo>
                <a:cubicBezTo>
                  <a:pt x="555960" y="225456"/>
                  <a:pt x="558928" y="225065"/>
                  <a:pt x="562026" y="225065"/>
                </a:cubicBezTo>
                <a:close/>
                <a:moveTo>
                  <a:pt x="782109" y="217028"/>
                </a:moveTo>
                <a:lnTo>
                  <a:pt x="782109" y="237479"/>
                </a:lnTo>
                <a:lnTo>
                  <a:pt x="782109" y="237500"/>
                </a:lnTo>
                <a:lnTo>
                  <a:pt x="805766" y="237500"/>
                </a:lnTo>
                <a:cubicBezTo>
                  <a:pt x="807759" y="237500"/>
                  <a:pt x="809470" y="237219"/>
                  <a:pt x="810900" y="236612"/>
                </a:cubicBezTo>
                <a:cubicBezTo>
                  <a:pt x="812330" y="236006"/>
                  <a:pt x="813500" y="235226"/>
                  <a:pt x="814431" y="234251"/>
                </a:cubicBezTo>
                <a:cubicBezTo>
                  <a:pt x="815363" y="233276"/>
                  <a:pt x="816035" y="232171"/>
                  <a:pt x="816468" y="230936"/>
                </a:cubicBezTo>
                <a:cubicBezTo>
                  <a:pt x="816879" y="229701"/>
                  <a:pt x="817096" y="228467"/>
                  <a:pt x="817096" y="227232"/>
                </a:cubicBezTo>
                <a:cubicBezTo>
                  <a:pt x="817096" y="225997"/>
                  <a:pt x="816879" y="224784"/>
                  <a:pt x="816468" y="223570"/>
                </a:cubicBezTo>
                <a:cubicBezTo>
                  <a:pt x="816035" y="222336"/>
                  <a:pt x="815363" y="221252"/>
                  <a:pt x="814431" y="220278"/>
                </a:cubicBezTo>
                <a:cubicBezTo>
                  <a:pt x="813500" y="219303"/>
                  <a:pt x="812308" y="218523"/>
                  <a:pt x="810900" y="217916"/>
                </a:cubicBezTo>
                <a:cubicBezTo>
                  <a:pt x="809470" y="217331"/>
                  <a:pt x="807759" y="217028"/>
                  <a:pt x="805766" y="217028"/>
                </a:cubicBezTo>
                <a:close/>
                <a:moveTo>
                  <a:pt x="777321" y="212630"/>
                </a:moveTo>
                <a:lnTo>
                  <a:pt x="805766" y="212630"/>
                </a:lnTo>
                <a:cubicBezTo>
                  <a:pt x="808387" y="212630"/>
                  <a:pt x="810705" y="213042"/>
                  <a:pt x="812720" y="213865"/>
                </a:cubicBezTo>
                <a:cubicBezTo>
                  <a:pt x="814756" y="214688"/>
                  <a:pt x="816424" y="215793"/>
                  <a:pt x="817789" y="217180"/>
                </a:cubicBezTo>
                <a:cubicBezTo>
                  <a:pt x="819132" y="218544"/>
                  <a:pt x="820172" y="220104"/>
                  <a:pt x="820887" y="221837"/>
                </a:cubicBezTo>
                <a:cubicBezTo>
                  <a:pt x="821602" y="223570"/>
                  <a:pt x="821949" y="225347"/>
                  <a:pt x="821949" y="227210"/>
                </a:cubicBezTo>
                <a:cubicBezTo>
                  <a:pt x="821949" y="229073"/>
                  <a:pt x="821602" y="230871"/>
                  <a:pt x="820887" y="232626"/>
                </a:cubicBezTo>
                <a:cubicBezTo>
                  <a:pt x="820172" y="234381"/>
                  <a:pt x="819132" y="235941"/>
                  <a:pt x="817789" y="237327"/>
                </a:cubicBezTo>
                <a:cubicBezTo>
                  <a:pt x="816424" y="238714"/>
                  <a:pt x="814735" y="239818"/>
                  <a:pt x="812720" y="240642"/>
                </a:cubicBezTo>
                <a:cubicBezTo>
                  <a:pt x="810705" y="241487"/>
                  <a:pt x="808387" y="241898"/>
                  <a:pt x="805766" y="241898"/>
                </a:cubicBezTo>
                <a:lnTo>
                  <a:pt x="805744" y="241920"/>
                </a:lnTo>
                <a:lnTo>
                  <a:pt x="801325" y="241920"/>
                </a:lnTo>
                <a:lnTo>
                  <a:pt x="824982" y="267288"/>
                </a:lnTo>
                <a:lnTo>
                  <a:pt x="818786" y="267288"/>
                </a:lnTo>
                <a:lnTo>
                  <a:pt x="795129" y="241920"/>
                </a:lnTo>
                <a:lnTo>
                  <a:pt x="782087" y="241920"/>
                </a:lnTo>
                <a:lnTo>
                  <a:pt x="782087" y="267288"/>
                </a:lnTo>
                <a:lnTo>
                  <a:pt x="777321" y="267288"/>
                </a:lnTo>
                <a:close/>
                <a:moveTo>
                  <a:pt x="1026152" y="212609"/>
                </a:moveTo>
                <a:lnTo>
                  <a:pt x="1063696" y="212609"/>
                </a:lnTo>
                <a:lnTo>
                  <a:pt x="1063696" y="217028"/>
                </a:lnTo>
                <a:lnTo>
                  <a:pt x="1030918" y="217028"/>
                </a:lnTo>
                <a:lnTo>
                  <a:pt x="1030918" y="237696"/>
                </a:lnTo>
                <a:lnTo>
                  <a:pt x="1055160" y="237696"/>
                </a:lnTo>
                <a:lnTo>
                  <a:pt x="1055160" y="242115"/>
                </a:lnTo>
                <a:lnTo>
                  <a:pt x="1030918" y="242115"/>
                </a:lnTo>
                <a:lnTo>
                  <a:pt x="1030918" y="262847"/>
                </a:lnTo>
                <a:lnTo>
                  <a:pt x="1063696" y="262847"/>
                </a:lnTo>
                <a:lnTo>
                  <a:pt x="1063696" y="267267"/>
                </a:lnTo>
                <a:lnTo>
                  <a:pt x="1026152" y="267267"/>
                </a:lnTo>
                <a:close/>
                <a:moveTo>
                  <a:pt x="937980" y="212609"/>
                </a:moveTo>
                <a:lnTo>
                  <a:pt x="941967" y="212609"/>
                </a:lnTo>
                <a:lnTo>
                  <a:pt x="983604" y="259706"/>
                </a:lnTo>
                <a:lnTo>
                  <a:pt x="983604" y="212609"/>
                </a:lnTo>
                <a:lnTo>
                  <a:pt x="988370" y="212609"/>
                </a:lnTo>
                <a:lnTo>
                  <a:pt x="988370" y="267267"/>
                </a:lnTo>
                <a:lnTo>
                  <a:pt x="984363" y="267267"/>
                </a:lnTo>
                <a:lnTo>
                  <a:pt x="942746" y="220169"/>
                </a:lnTo>
                <a:lnTo>
                  <a:pt x="942746" y="267267"/>
                </a:lnTo>
                <a:lnTo>
                  <a:pt x="937980" y="267267"/>
                </a:lnTo>
                <a:close/>
                <a:moveTo>
                  <a:pt x="851087" y="212609"/>
                </a:moveTo>
                <a:lnTo>
                  <a:pt x="905614" y="212609"/>
                </a:lnTo>
                <a:lnTo>
                  <a:pt x="905614" y="217028"/>
                </a:lnTo>
                <a:lnTo>
                  <a:pt x="880744" y="217028"/>
                </a:lnTo>
                <a:lnTo>
                  <a:pt x="880744" y="267267"/>
                </a:lnTo>
                <a:lnTo>
                  <a:pt x="875978" y="267267"/>
                </a:lnTo>
                <a:lnTo>
                  <a:pt x="875978" y="217028"/>
                </a:lnTo>
                <a:lnTo>
                  <a:pt x="851087" y="217028"/>
                </a:lnTo>
                <a:close/>
                <a:moveTo>
                  <a:pt x="712481" y="212609"/>
                </a:moveTo>
                <a:lnTo>
                  <a:pt x="717810" y="212609"/>
                </a:lnTo>
                <a:lnTo>
                  <a:pt x="748183" y="267267"/>
                </a:lnTo>
                <a:lnTo>
                  <a:pt x="742832" y="267267"/>
                </a:lnTo>
                <a:lnTo>
                  <a:pt x="734860" y="252947"/>
                </a:lnTo>
                <a:lnTo>
                  <a:pt x="714604" y="252947"/>
                </a:lnTo>
                <a:lnTo>
                  <a:pt x="714604" y="248527"/>
                </a:lnTo>
                <a:lnTo>
                  <a:pt x="732434" y="248527"/>
                </a:lnTo>
                <a:close/>
                <a:moveTo>
                  <a:pt x="443286" y="212609"/>
                </a:moveTo>
                <a:lnTo>
                  <a:pt x="447207" y="212609"/>
                </a:lnTo>
                <a:lnTo>
                  <a:pt x="473139" y="241032"/>
                </a:lnTo>
                <a:lnTo>
                  <a:pt x="499005" y="212609"/>
                </a:lnTo>
                <a:lnTo>
                  <a:pt x="502927" y="212609"/>
                </a:lnTo>
                <a:lnTo>
                  <a:pt x="502927" y="267267"/>
                </a:lnTo>
                <a:lnTo>
                  <a:pt x="498161" y="267267"/>
                </a:lnTo>
                <a:lnTo>
                  <a:pt x="498442" y="220018"/>
                </a:lnTo>
                <a:lnTo>
                  <a:pt x="474504" y="246318"/>
                </a:lnTo>
                <a:lnTo>
                  <a:pt x="471709" y="246318"/>
                </a:lnTo>
                <a:lnTo>
                  <a:pt x="448052" y="220299"/>
                </a:lnTo>
                <a:lnTo>
                  <a:pt x="448052" y="267267"/>
                </a:lnTo>
                <a:lnTo>
                  <a:pt x="443286" y="267267"/>
                </a:lnTo>
                <a:close/>
                <a:moveTo>
                  <a:pt x="405439" y="212609"/>
                </a:moveTo>
                <a:lnTo>
                  <a:pt x="410769" y="212609"/>
                </a:lnTo>
                <a:lnTo>
                  <a:pt x="390816" y="248527"/>
                </a:lnTo>
                <a:lnTo>
                  <a:pt x="408646" y="248527"/>
                </a:lnTo>
                <a:lnTo>
                  <a:pt x="408646" y="252947"/>
                </a:lnTo>
                <a:lnTo>
                  <a:pt x="388412" y="252947"/>
                </a:lnTo>
                <a:lnTo>
                  <a:pt x="380418" y="267267"/>
                </a:lnTo>
                <a:lnTo>
                  <a:pt x="375067" y="267267"/>
                </a:lnTo>
                <a:close/>
                <a:moveTo>
                  <a:pt x="310573" y="212609"/>
                </a:moveTo>
                <a:lnTo>
                  <a:pt x="315339" y="212609"/>
                </a:lnTo>
                <a:lnTo>
                  <a:pt x="315339" y="262847"/>
                </a:lnTo>
                <a:lnTo>
                  <a:pt x="339863" y="262847"/>
                </a:lnTo>
                <a:lnTo>
                  <a:pt x="339863" y="267267"/>
                </a:lnTo>
                <a:lnTo>
                  <a:pt x="310573" y="267267"/>
                </a:lnTo>
                <a:close/>
                <a:moveTo>
                  <a:pt x="240079" y="212609"/>
                </a:moveTo>
                <a:lnTo>
                  <a:pt x="244867" y="212609"/>
                </a:lnTo>
                <a:lnTo>
                  <a:pt x="244867" y="262847"/>
                </a:lnTo>
                <a:lnTo>
                  <a:pt x="269369" y="262847"/>
                </a:lnTo>
                <a:lnTo>
                  <a:pt x="269369" y="267267"/>
                </a:lnTo>
                <a:lnTo>
                  <a:pt x="240079" y="267267"/>
                </a:lnTo>
                <a:close/>
                <a:moveTo>
                  <a:pt x="161114" y="212609"/>
                </a:moveTo>
                <a:lnTo>
                  <a:pt x="198680" y="212609"/>
                </a:lnTo>
                <a:lnTo>
                  <a:pt x="198680" y="217028"/>
                </a:lnTo>
                <a:lnTo>
                  <a:pt x="165902" y="217028"/>
                </a:lnTo>
                <a:lnTo>
                  <a:pt x="165902" y="237696"/>
                </a:lnTo>
                <a:lnTo>
                  <a:pt x="190122" y="237696"/>
                </a:lnTo>
                <a:lnTo>
                  <a:pt x="190122" y="242115"/>
                </a:lnTo>
                <a:lnTo>
                  <a:pt x="165902" y="242115"/>
                </a:lnTo>
                <a:lnTo>
                  <a:pt x="165902" y="262847"/>
                </a:lnTo>
                <a:lnTo>
                  <a:pt x="198680" y="262847"/>
                </a:lnTo>
                <a:lnTo>
                  <a:pt x="198680" y="267267"/>
                </a:lnTo>
                <a:lnTo>
                  <a:pt x="161114" y="267267"/>
                </a:lnTo>
                <a:close/>
                <a:moveTo>
                  <a:pt x="74091" y="212609"/>
                </a:moveTo>
                <a:lnTo>
                  <a:pt x="128618" y="212609"/>
                </a:lnTo>
                <a:lnTo>
                  <a:pt x="128618" y="217028"/>
                </a:lnTo>
                <a:lnTo>
                  <a:pt x="103748" y="217028"/>
                </a:lnTo>
                <a:lnTo>
                  <a:pt x="103748" y="267267"/>
                </a:lnTo>
                <a:lnTo>
                  <a:pt x="98961" y="267267"/>
                </a:lnTo>
                <a:lnTo>
                  <a:pt x="98961" y="217028"/>
                </a:lnTo>
                <a:lnTo>
                  <a:pt x="74091" y="217028"/>
                </a:lnTo>
                <a:close/>
                <a:moveTo>
                  <a:pt x="1093635" y="212522"/>
                </a:moveTo>
                <a:lnTo>
                  <a:pt x="1099766" y="212522"/>
                </a:lnTo>
                <a:lnTo>
                  <a:pt x="1122296" y="236980"/>
                </a:lnTo>
                <a:lnTo>
                  <a:pt x="1144740" y="212522"/>
                </a:lnTo>
                <a:lnTo>
                  <a:pt x="1150936" y="212522"/>
                </a:lnTo>
                <a:lnTo>
                  <a:pt x="1124636" y="241118"/>
                </a:lnTo>
                <a:lnTo>
                  <a:pt x="1124636" y="267267"/>
                </a:lnTo>
                <a:lnTo>
                  <a:pt x="1119870" y="267267"/>
                </a:lnTo>
                <a:lnTo>
                  <a:pt x="1119870" y="241118"/>
                </a:lnTo>
                <a:close/>
                <a:moveTo>
                  <a:pt x="24719" y="211136"/>
                </a:moveTo>
                <a:cubicBezTo>
                  <a:pt x="27145" y="211136"/>
                  <a:pt x="29571" y="211352"/>
                  <a:pt x="31998" y="211764"/>
                </a:cubicBezTo>
                <a:cubicBezTo>
                  <a:pt x="34402" y="212175"/>
                  <a:pt x="36742" y="212760"/>
                  <a:pt x="38973" y="213540"/>
                </a:cubicBezTo>
                <a:cubicBezTo>
                  <a:pt x="41205" y="214298"/>
                  <a:pt x="43263" y="215273"/>
                  <a:pt x="45169" y="216443"/>
                </a:cubicBezTo>
                <a:cubicBezTo>
                  <a:pt x="47054" y="217613"/>
                  <a:pt x="48722" y="218935"/>
                  <a:pt x="50152" y="220408"/>
                </a:cubicBezTo>
                <a:lnTo>
                  <a:pt x="47097" y="223831"/>
                </a:lnTo>
                <a:cubicBezTo>
                  <a:pt x="45754" y="222401"/>
                  <a:pt x="44216" y="221166"/>
                  <a:pt x="42483" y="220126"/>
                </a:cubicBezTo>
                <a:cubicBezTo>
                  <a:pt x="40772" y="219065"/>
                  <a:pt x="38908" y="218198"/>
                  <a:pt x="36937" y="217483"/>
                </a:cubicBezTo>
                <a:cubicBezTo>
                  <a:pt x="34944" y="216768"/>
                  <a:pt x="32908" y="216248"/>
                  <a:pt x="30763" y="215880"/>
                </a:cubicBezTo>
                <a:cubicBezTo>
                  <a:pt x="28618" y="215533"/>
                  <a:pt x="26517" y="215360"/>
                  <a:pt x="24480" y="215360"/>
                </a:cubicBezTo>
                <a:cubicBezTo>
                  <a:pt x="22162" y="215360"/>
                  <a:pt x="19909" y="215577"/>
                  <a:pt x="17721" y="216032"/>
                </a:cubicBezTo>
                <a:cubicBezTo>
                  <a:pt x="15533" y="216487"/>
                  <a:pt x="13583" y="217180"/>
                  <a:pt x="11872" y="218133"/>
                </a:cubicBezTo>
                <a:cubicBezTo>
                  <a:pt x="10160" y="219086"/>
                  <a:pt x="8774" y="220278"/>
                  <a:pt x="7734" y="221686"/>
                </a:cubicBezTo>
                <a:cubicBezTo>
                  <a:pt x="6673" y="223116"/>
                  <a:pt x="6153" y="224805"/>
                  <a:pt x="6153" y="226734"/>
                </a:cubicBezTo>
                <a:cubicBezTo>
                  <a:pt x="6153" y="229073"/>
                  <a:pt x="6824" y="230915"/>
                  <a:pt x="8124" y="232258"/>
                </a:cubicBezTo>
                <a:cubicBezTo>
                  <a:pt x="9424" y="233622"/>
                  <a:pt x="11135" y="234641"/>
                  <a:pt x="13258" y="235356"/>
                </a:cubicBezTo>
                <a:cubicBezTo>
                  <a:pt x="15382" y="236071"/>
                  <a:pt x="17786" y="236612"/>
                  <a:pt x="20494" y="236937"/>
                </a:cubicBezTo>
                <a:cubicBezTo>
                  <a:pt x="23202" y="237284"/>
                  <a:pt x="25975" y="237587"/>
                  <a:pt x="28835" y="237869"/>
                </a:cubicBezTo>
                <a:cubicBezTo>
                  <a:pt x="31694" y="238150"/>
                  <a:pt x="34467" y="238519"/>
                  <a:pt x="37175" y="238930"/>
                </a:cubicBezTo>
                <a:cubicBezTo>
                  <a:pt x="39883" y="239364"/>
                  <a:pt x="42310" y="240078"/>
                  <a:pt x="44411" y="241075"/>
                </a:cubicBezTo>
                <a:lnTo>
                  <a:pt x="44454" y="241075"/>
                </a:lnTo>
                <a:cubicBezTo>
                  <a:pt x="46556" y="242071"/>
                  <a:pt x="48289" y="243436"/>
                  <a:pt x="49589" y="245191"/>
                </a:cubicBezTo>
                <a:cubicBezTo>
                  <a:pt x="50888" y="246968"/>
                  <a:pt x="51539" y="249242"/>
                  <a:pt x="51539" y="252102"/>
                </a:cubicBezTo>
                <a:cubicBezTo>
                  <a:pt x="51539" y="254962"/>
                  <a:pt x="50845" y="257388"/>
                  <a:pt x="49437" y="259403"/>
                </a:cubicBezTo>
                <a:cubicBezTo>
                  <a:pt x="48029" y="261417"/>
                  <a:pt x="46209" y="263086"/>
                  <a:pt x="43956" y="264364"/>
                </a:cubicBezTo>
                <a:cubicBezTo>
                  <a:pt x="41703" y="265642"/>
                  <a:pt x="39147" y="266573"/>
                  <a:pt x="36330" y="267136"/>
                </a:cubicBezTo>
                <a:cubicBezTo>
                  <a:pt x="33493" y="267700"/>
                  <a:pt x="30633" y="267981"/>
                  <a:pt x="27730" y="267981"/>
                </a:cubicBezTo>
                <a:cubicBezTo>
                  <a:pt x="21079" y="267981"/>
                  <a:pt x="15511" y="266855"/>
                  <a:pt x="11049" y="264623"/>
                </a:cubicBezTo>
                <a:cubicBezTo>
                  <a:pt x="6586" y="262392"/>
                  <a:pt x="2903" y="259359"/>
                  <a:pt x="0" y="255503"/>
                </a:cubicBezTo>
                <a:lnTo>
                  <a:pt x="3055" y="252015"/>
                </a:lnTo>
                <a:cubicBezTo>
                  <a:pt x="5871" y="255676"/>
                  <a:pt x="9294" y="258558"/>
                  <a:pt x="13323" y="260637"/>
                </a:cubicBezTo>
                <a:cubicBezTo>
                  <a:pt x="17375" y="262739"/>
                  <a:pt x="22271" y="263779"/>
                  <a:pt x="28011" y="263779"/>
                </a:cubicBezTo>
                <a:cubicBezTo>
                  <a:pt x="30221" y="263779"/>
                  <a:pt x="32474" y="263562"/>
                  <a:pt x="34706" y="263129"/>
                </a:cubicBezTo>
                <a:cubicBezTo>
                  <a:pt x="36937" y="262717"/>
                  <a:pt x="38952" y="262046"/>
                  <a:pt x="40728" y="261114"/>
                </a:cubicBezTo>
                <a:cubicBezTo>
                  <a:pt x="42505" y="260182"/>
                  <a:pt x="43956" y="258991"/>
                  <a:pt x="45039" y="257518"/>
                </a:cubicBezTo>
                <a:cubicBezTo>
                  <a:pt x="46144" y="256045"/>
                  <a:pt x="46686" y="254247"/>
                  <a:pt x="46686" y="252080"/>
                </a:cubicBezTo>
                <a:cubicBezTo>
                  <a:pt x="46686" y="249914"/>
                  <a:pt x="46036" y="248202"/>
                  <a:pt x="44714" y="246968"/>
                </a:cubicBezTo>
                <a:cubicBezTo>
                  <a:pt x="43415" y="245733"/>
                  <a:pt x="41703" y="244779"/>
                  <a:pt x="39580" y="244108"/>
                </a:cubicBezTo>
                <a:cubicBezTo>
                  <a:pt x="37479" y="243436"/>
                  <a:pt x="35052" y="242981"/>
                  <a:pt x="32344" y="242722"/>
                </a:cubicBezTo>
                <a:cubicBezTo>
                  <a:pt x="29658" y="242461"/>
                  <a:pt x="26885" y="242180"/>
                  <a:pt x="24025" y="241898"/>
                </a:cubicBezTo>
                <a:cubicBezTo>
                  <a:pt x="21166" y="241595"/>
                  <a:pt x="18393" y="241205"/>
                  <a:pt x="15685" y="240750"/>
                </a:cubicBezTo>
                <a:cubicBezTo>
                  <a:pt x="12977" y="240273"/>
                  <a:pt x="10550" y="239493"/>
                  <a:pt x="8449" y="238432"/>
                </a:cubicBezTo>
                <a:cubicBezTo>
                  <a:pt x="6326" y="237349"/>
                  <a:pt x="4636" y="235897"/>
                  <a:pt x="3315" y="234034"/>
                </a:cubicBezTo>
                <a:cubicBezTo>
                  <a:pt x="2015" y="232171"/>
                  <a:pt x="1365" y="229723"/>
                  <a:pt x="1365" y="226690"/>
                </a:cubicBezTo>
                <a:cubicBezTo>
                  <a:pt x="1365" y="223982"/>
                  <a:pt x="2015" y="221664"/>
                  <a:pt x="3358" y="219714"/>
                </a:cubicBezTo>
                <a:cubicBezTo>
                  <a:pt x="4680" y="217765"/>
                  <a:pt x="6434" y="216140"/>
                  <a:pt x="8622" y="214862"/>
                </a:cubicBezTo>
                <a:cubicBezTo>
                  <a:pt x="10810" y="213562"/>
                  <a:pt x="13280" y="212630"/>
                  <a:pt x="16096" y="212045"/>
                </a:cubicBezTo>
                <a:cubicBezTo>
                  <a:pt x="18891" y="211439"/>
                  <a:pt x="21772" y="211136"/>
                  <a:pt x="24719" y="211136"/>
                </a:cubicBezTo>
                <a:close/>
                <a:moveTo>
                  <a:pt x="649223" y="210832"/>
                </a:moveTo>
                <a:cubicBezTo>
                  <a:pt x="652277" y="210832"/>
                  <a:pt x="655332" y="211114"/>
                  <a:pt x="658430" y="211677"/>
                </a:cubicBezTo>
                <a:cubicBezTo>
                  <a:pt x="661506" y="212262"/>
                  <a:pt x="664474" y="213064"/>
                  <a:pt x="667334" y="214103"/>
                </a:cubicBezTo>
                <a:cubicBezTo>
                  <a:pt x="670172" y="215143"/>
                  <a:pt x="672836" y="216422"/>
                  <a:pt x="675306" y="217916"/>
                </a:cubicBezTo>
                <a:cubicBezTo>
                  <a:pt x="677776" y="219411"/>
                  <a:pt x="679920" y="221079"/>
                  <a:pt x="681719" y="222942"/>
                </a:cubicBezTo>
                <a:lnTo>
                  <a:pt x="678664" y="226365"/>
                </a:lnTo>
                <a:cubicBezTo>
                  <a:pt x="676996" y="224654"/>
                  <a:pt x="675025" y="223094"/>
                  <a:pt x="672750" y="221686"/>
                </a:cubicBezTo>
                <a:cubicBezTo>
                  <a:pt x="670475" y="220278"/>
                  <a:pt x="668027" y="219108"/>
                  <a:pt x="665449" y="218154"/>
                </a:cubicBezTo>
                <a:cubicBezTo>
                  <a:pt x="662871" y="217201"/>
                  <a:pt x="660163" y="216465"/>
                  <a:pt x="657368" y="215945"/>
                </a:cubicBezTo>
                <a:cubicBezTo>
                  <a:pt x="654574" y="215425"/>
                  <a:pt x="651779" y="215165"/>
                  <a:pt x="649028" y="215165"/>
                </a:cubicBezTo>
                <a:cubicBezTo>
                  <a:pt x="645518" y="215165"/>
                  <a:pt x="642160" y="215642"/>
                  <a:pt x="638976" y="216551"/>
                </a:cubicBezTo>
                <a:cubicBezTo>
                  <a:pt x="635813" y="217483"/>
                  <a:pt x="632997" y="218934"/>
                  <a:pt x="630570" y="220906"/>
                </a:cubicBezTo>
                <a:lnTo>
                  <a:pt x="630570" y="220884"/>
                </a:lnTo>
                <a:cubicBezTo>
                  <a:pt x="628166" y="222856"/>
                  <a:pt x="626216" y="225390"/>
                  <a:pt x="624764" y="228510"/>
                </a:cubicBezTo>
                <a:cubicBezTo>
                  <a:pt x="623313" y="231629"/>
                  <a:pt x="622576" y="235399"/>
                  <a:pt x="622576" y="239818"/>
                </a:cubicBezTo>
                <a:cubicBezTo>
                  <a:pt x="622576" y="244238"/>
                  <a:pt x="623313" y="247986"/>
                  <a:pt x="624764" y="251105"/>
                </a:cubicBezTo>
                <a:cubicBezTo>
                  <a:pt x="626216" y="254225"/>
                  <a:pt x="628166" y="256759"/>
                  <a:pt x="630570" y="258731"/>
                </a:cubicBezTo>
                <a:cubicBezTo>
                  <a:pt x="632975" y="260702"/>
                  <a:pt x="635791" y="262154"/>
                  <a:pt x="638976" y="263085"/>
                </a:cubicBezTo>
                <a:cubicBezTo>
                  <a:pt x="642160" y="264017"/>
                  <a:pt x="645518" y="264472"/>
                  <a:pt x="649028" y="264472"/>
                </a:cubicBezTo>
                <a:cubicBezTo>
                  <a:pt x="651779" y="264472"/>
                  <a:pt x="654552" y="264212"/>
                  <a:pt x="657368" y="263692"/>
                </a:cubicBezTo>
                <a:cubicBezTo>
                  <a:pt x="660163" y="263172"/>
                  <a:pt x="662871" y="262435"/>
                  <a:pt x="665449" y="261482"/>
                </a:cubicBezTo>
                <a:cubicBezTo>
                  <a:pt x="668027" y="260529"/>
                  <a:pt x="670475" y="259359"/>
                  <a:pt x="672750" y="257951"/>
                </a:cubicBezTo>
                <a:cubicBezTo>
                  <a:pt x="675025" y="256565"/>
                  <a:pt x="676996" y="255005"/>
                  <a:pt x="678664" y="253293"/>
                </a:cubicBezTo>
                <a:lnTo>
                  <a:pt x="681719" y="256716"/>
                </a:lnTo>
                <a:cubicBezTo>
                  <a:pt x="679920" y="258579"/>
                  <a:pt x="677776" y="260247"/>
                  <a:pt x="675306" y="261742"/>
                </a:cubicBezTo>
                <a:cubicBezTo>
                  <a:pt x="672858" y="263237"/>
                  <a:pt x="670193" y="264515"/>
                  <a:pt x="667334" y="265555"/>
                </a:cubicBezTo>
                <a:cubicBezTo>
                  <a:pt x="664496" y="266595"/>
                  <a:pt x="661528" y="267418"/>
                  <a:pt x="658430" y="267981"/>
                </a:cubicBezTo>
                <a:cubicBezTo>
                  <a:pt x="655332" y="268545"/>
                  <a:pt x="652256" y="268826"/>
                  <a:pt x="649223" y="268826"/>
                </a:cubicBezTo>
                <a:cubicBezTo>
                  <a:pt x="645150" y="268826"/>
                  <a:pt x="641185" y="268306"/>
                  <a:pt x="637394" y="267223"/>
                </a:cubicBezTo>
                <a:cubicBezTo>
                  <a:pt x="633581" y="266162"/>
                  <a:pt x="630245" y="264450"/>
                  <a:pt x="627342" y="262132"/>
                </a:cubicBezTo>
                <a:cubicBezTo>
                  <a:pt x="624439" y="259814"/>
                  <a:pt x="622121" y="256803"/>
                  <a:pt x="620388" y="253120"/>
                </a:cubicBezTo>
                <a:cubicBezTo>
                  <a:pt x="618655" y="249459"/>
                  <a:pt x="617788" y="245018"/>
                  <a:pt x="617788" y="239840"/>
                </a:cubicBezTo>
                <a:cubicBezTo>
                  <a:pt x="617788" y="234662"/>
                  <a:pt x="618655" y="230221"/>
                  <a:pt x="620388" y="226538"/>
                </a:cubicBezTo>
                <a:cubicBezTo>
                  <a:pt x="622121" y="222856"/>
                  <a:pt x="624439" y="219866"/>
                  <a:pt x="627342" y="217526"/>
                </a:cubicBezTo>
                <a:cubicBezTo>
                  <a:pt x="630245" y="215208"/>
                  <a:pt x="633581" y="213497"/>
                  <a:pt x="637394" y="212435"/>
                </a:cubicBezTo>
                <a:cubicBezTo>
                  <a:pt x="641207" y="211352"/>
                  <a:pt x="645150" y="210832"/>
                  <a:pt x="649223" y="210832"/>
                </a:cubicBezTo>
                <a:close/>
                <a:moveTo>
                  <a:pt x="500977" y="104095"/>
                </a:moveTo>
                <a:lnTo>
                  <a:pt x="529140" y="152882"/>
                </a:lnTo>
                <a:lnTo>
                  <a:pt x="466141" y="152882"/>
                </a:lnTo>
                <a:lnTo>
                  <a:pt x="453707" y="131370"/>
                </a:lnTo>
                <a:close/>
                <a:moveTo>
                  <a:pt x="554877" y="51993"/>
                </a:moveTo>
                <a:lnTo>
                  <a:pt x="613131" y="152882"/>
                </a:lnTo>
                <a:lnTo>
                  <a:pt x="550132" y="152882"/>
                </a:lnTo>
                <a:lnTo>
                  <a:pt x="507628" y="79268"/>
                </a:lnTo>
                <a:close/>
                <a:moveTo>
                  <a:pt x="608928" y="0"/>
                </a:moveTo>
                <a:lnTo>
                  <a:pt x="697208" y="152882"/>
                </a:lnTo>
                <a:lnTo>
                  <a:pt x="634188" y="152882"/>
                </a:lnTo>
                <a:lnTo>
                  <a:pt x="561679" y="27297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adidasFG Compressed" panose="020B0508030503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 dirty="0"/>
          </a:p>
        </p:txBody>
      </p:sp>
      <p:sp>
        <p:nvSpPr>
          <p:cNvPr id="2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3167063" y="2880125"/>
            <a:ext cx="2881312" cy="576262"/>
          </a:xfrm>
        </p:spPr>
        <p:txBody>
          <a:bodyPr tIns="0" anchor="t" anchorCtr="0"/>
          <a:lstStyle>
            <a:lvl1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i="0" cap="none" spc="0" baseline="0">
                <a:solidFill>
                  <a:schemeClr val="bg1"/>
                </a:solidFill>
                <a:latin typeface="adidasFG" pitchFamily="34" charset="0"/>
                <a:cs typeface="adidasFG" pitchFamily="34" charset="0"/>
              </a:defRPr>
            </a:lvl1pPr>
            <a:lvl2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Font typeface="adidasFG" pitchFamily="34" charset="0"/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spc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Additional Copy like event name, </a:t>
            </a:r>
            <a:br>
              <a:rPr lang="en-US" noProof="0" dirty="0"/>
            </a:br>
            <a:r>
              <a:rPr lang="en-US" noProof="0" dirty="0"/>
              <a:t>speaker, date, place…</a:t>
            </a:r>
            <a:endParaRPr lang="en-US" noProof="0" dirty="0"/>
          </a:p>
        </p:txBody>
      </p:sp>
    </p:spTree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black">
          <a:xfrm>
            <a:off x="2303464" y="576263"/>
            <a:ext cx="5761036" cy="3744125"/>
          </a:xfrm>
        </p:spPr>
        <p:txBody>
          <a:bodyPr anchor="t" anchorCtr="0">
            <a:normAutofit/>
          </a:bodyPr>
          <a:lstStyle>
            <a:lvl1pPr marL="575945" indent="-575945" algn="l">
              <a:lnSpc>
                <a:spcPct val="80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000" b="1" i="0" cap="all" spc="16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normalizeH="0" baseline="0">
                <a:solidFill>
                  <a:schemeClr val="tx2"/>
                </a:solidFill>
                <a:latin typeface="adidasFG" pitchFamily="34" charset="0"/>
                <a:cs typeface="adidasFG" pitchFamily="34" charset="0"/>
              </a:defRPr>
            </a:lvl2pPr>
            <a:lvl3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3pPr>
            <a:lvl4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4pPr>
            <a:lvl5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Wingdings" panose="05000000000000000000" pitchFamily="2" charset="2"/>
              <a:buChar char="§"/>
              <a:defRPr sz="1000" b="0" i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5pPr>
            <a:lvl6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6pPr>
            <a:lvl7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7pPr>
            <a:lvl8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8pPr>
            <a:lvl9pPr marL="756285" indent="-179705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1000" b="0" cap="none" spc="0" baseline="0">
                <a:solidFill>
                  <a:schemeClr val="tx2"/>
                </a:solidFill>
                <a:latin typeface="+mn-lt"/>
                <a:cs typeface="adidasFG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 noProof="0" dirty="0"/>
          </a:p>
          <a:p>
            <a:pPr lvl="1"/>
            <a:r>
              <a:rPr lang="en-US" noProof="0" dirty="0"/>
              <a:t>Speaker, time or additional information</a:t>
            </a:r>
            <a:endParaRPr lang="en-US" noProof="0" dirty="0"/>
          </a:p>
        </p:txBody>
      </p:sp>
      <p:sp>
        <p:nvSpPr>
          <p:cNvPr id="7" name="Date Placeholder 1"/>
          <p:cNvSpPr>
            <a:spLocks noGrp="1"/>
          </p:cNvSpPr>
          <p:nvPr>
            <p:ph type="dt" sz="half" idx="19"/>
          </p:nvPr>
        </p:nvSpPr>
        <p:spPr bwMode="black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8" name="Footer Placeholder 3"/>
          <p:cNvSpPr>
            <a:spLocks noGrp="1"/>
          </p:cNvSpPr>
          <p:nvPr>
            <p:ph type="ftr" sz="quarter" idx="20"/>
          </p:nvPr>
        </p:nvSpPr>
        <p:spPr bwMode="black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9" name="Slide Number Placeholder 9"/>
          <p:cNvSpPr>
            <a:spLocks noGrp="1"/>
          </p:cNvSpPr>
          <p:nvPr>
            <p:ph type="sldNum" sz="quarter" idx="21"/>
          </p:nvPr>
        </p:nvSpPr>
        <p:spPr bwMode="black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3" name="Titel 9"/>
          <p:cNvSpPr txBox="1"/>
          <p:nvPr userDrawn="1"/>
        </p:nvSpPr>
        <p:spPr bwMode="black">
          <a:xfrm>
            <a:off x="574675" y="576263"/>
            <a:ext cx="1152525" cy="57626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1600" b="0" i="0" kern="1200" cap="all" spc="5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2pPr>
            <a:lvl3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3pPr>
            <a:lvl4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4pPr>
            <a:lvl5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2800" b="1" kern="1200" cap="all" spc="20" baseline="0">
                <a:solidFill>
                  <a:schemeClr val="tx1"/>
                </a:solidFill>
                <a:latin typeface="+mj-lt"/>
              </a:defRPr>
            </a:lvl5pPr>
            <a:lvl6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6pPr>
            <a:lvl7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7pPr>
            <a:lvl8pPr algn="l" rtl="0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8pPr>
            <a:lvl9pPr algn="l" eaLnBrk="1" hangingPunct="1">
              <a:lnSpc>
                <a:spcPct val="75000"/>
              </a:lnSpc>
              <a:defRPr sz="2800" b="1" kern="1200" cap="all" spc="20" baseline="0">
                <a:latin typeface="+mj-lt"/>
              </a:defRPr>
            </a:lvl9pPr>
          </a:lstStyle>
          <a:p>
            <a:pPr defTabSz="914400"/>
            <a:r>
              <a:rPr lang="en-US" b="0" dirty="0">
                <a:latin typeface="adidasFG Compressed" panose="020B0508030503020204" pitchFamily="34" charset="0"/>
              </a:rPr>
              <a:t>Content</a:t>
            </a:r>
            <a:endParaRPr lang="en-US" b="0" dirty="0">
              <a:latin typeface="adidasFG Compressed" panose="020B0508030503020204" pitchFamily="34" charset="0"/>
            </a:endParaRPr>
          </a:p>
        </p:txBody>
      </p:sp>
    </p:spTree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2"/>
          <p:cNvSpPr>
            <a:spLocks noGrp="1"/>
          </p:cNvSpPr>
          <p:nvPr>
            <p:ph type="pic" sz="quarter" idx="29" hasCustomPrompt="1"/>
          </p:nvPr>
        </p:nvSpPr>
        <p:spPr bwMode="gray">
          <a:xfrm>
            <a:off x="0" y="0"/>
            <a:ext cx="9215438" cy="5184774"/>
          </a:xfrm>
          <a:solidFill>
            <a:schemeClr val="tx1"/>
          </a:solidFill>
        </p:spPr>
        <p:txBody>
          <a:bodyPr tIns="288000"/>
          <a:lstStyle>
            <a:lvl1pPr algn="ctr">
              <a:defRPr sz="8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o add an image drag and drop an image directly out of your folder or </a:t>
            </a:r>
            <a:br>
              <a:rPr lang="en-US" noProof="0" dirty="0"/>
            </a:br>
            <a:r>
              <a:rPr lang="en-US" noProof="0" dirty="0"/>
              <a:t>copy the image, select the placeholder and hit paste.</a:t>
            </a:r>
            <a:endParaRPr lang="en-US" noProof="0" dirty="0"/>
          </a:p>
        </p:txBody>
      </p:sp>
      <p:sp>
        <p:nvSpPr>
          <p:cNvPr id="2" name="Date Placeholder 1"/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5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2303463" y="1152525"/>
            <a:ext cx="4608512" cy="1727600"/>
          </a:xfrm>
        </p:spPr>
        <p:txBody>
          <a:bodyPr tIns="0" bIns="144000" anchor="b"/>
          <a:lstStyle>
            <a:lvl1pPr algn="ctr">
              <a:lnSpc>
                <a:spcPct val="75000"/>
              </a:lnSpc>
              <a:defRPr sz="2800" b="1" i="0" spc="300" baseline="0">
                <a:solidFill>
                  <a:schemeClr val="bg1"/>
                </a:solidFill>
                <a:latin typeface="adidasFG Compressed" panose="020B0508030503020204" pitchFamily="34" charset="0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hapter headline</a:t>
            </a:r>
            <a:endParaRPr lang="en-US" noProof="0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2" hasCustomPrompt="1"/>
          </p:nvPr>
        </p:nvSpPr>
        <p:spPr bwMode="gray">
          <a:xfrm>
            <a:off x="3167063" y="2880124"/>
            <a:ext cx="2881312" cy="1152125"/>
          </a:xfrm>
        </p:spPr>
        <p:txBody>
          <a:bodyPr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000" b="0" cap="none" spc="0" baseline="0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200" b="0" cap="none" spc="0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5pPr>
            <a:lvl6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6pPr>
            <a:lvl7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7pPr>
            <a:lvl8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8pPr>
            <a:lvl9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90204" pitchFamily="34" charset="0"/>
              <a:buNone/>
              <a:defRPr sz="1200" b="0" cap="none" spc="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ection | Section | Section</a:t>
            </a:r>
            <a:endParaRPr lang="en-US" dirty="0"/>
          </a:p>
        </p:txBody>
      </p:sp>
    </p:spTree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9" Type="http://schemas.openxmlformats.org/officeDocument/2006/relationships/slideLayout" Target="../slideLayouts/slideLayout9.xml"/><Relationship Id="rId8" Type="http://schemas.openxmlformats.org/officeDocument/2006/relationships/slideLayout" Target="../slideLayouts/slideLayout8.xml"/><Relationship Id="rId7" Type="http://schemas.openxmlformats.org/officeDocument/2006/relationships/slideLayout" Target="../slideLayouts/slideLayout7.xml"/><Relationship Id="rId6" Type="http://schemas.openxmlformats.org/officeDocument/2006/relationships/slideLayout" Target="../slideLayouts/slideLayout6.xml"/><Relationship Id="rId5" Type="http://schemas.openxmlformats.org/officeDocument/2006/relationships/slideLayout" Target="../slideLayouts/slideLayout5.xml"/><Relationship Id="rId46" Type="http://schemas.openxmlformats.org/officeDocument/2006/relationships/theme" Target="../theme/theme1.xml"/><Relationship Id="rId45" Type="http://schemas.openxmlformats.org/officeDocument/2006/relationships/slideLayout" Target="../slideLayouts/slideLayout45.xml"/><Relationship Id="rId44" Type="http://schemas.openxmlformats.org/officeDocument/2006/relationships/slideLayout" Target="../slideLayouts/slideLayout44.xml"/><Relationship Id="rId43" Type="http://schemas.openxmlformats.org/officeDocument/2006/relationships/slideLayout" Target="../slideLayouts/slideLayout43.xml"/><Relationship Id="rId42" Type="http://schemas.openxmlformats.org/officeDocument/2006/relationships/slideLayout" Target="../slideLayouts/slideLayout42.xml"/><Relationship Id="rId41" Type="http://schemas.openxmlformats.org/officeDocument/2006/relationships/slideLayout" Target="../slideLayouts/slideLayout41.xml"/><Relationship Id="rId40" Type="http://schemas.openxmlformats.org/officeDocument/2006/relationships/slideLayout" Target="../slideLayouts/slideLayout40.xml"/><Relationship Id="rId4" Type="http://schemas.openxmlformats.org/officeDocument/2006/relationships/slideLayout" Target="../slideLayouts/slideLayout4.xml"/><Relationship Id="rId39" Type="http://schemas.openxmlformats.org/officeDocument/2006/relationships/slideLayout" Target="../slideLayouts/slideLayout39.xml"/><Relationship Id="rId38" Type="http://schemas.openxmlformats.org/officeDocument/2006/relationships/slideLayout" Target="../slideLayouts/slideLayout38.xml"/><Relationship Id="rId37" Type="http://schemas.openxmlformats.org/officeDocument/2006/relationships/slideLayout" Target="../slideLayouts/slideLayout37.xml"/><Relationship Id="rId36" Type="http://schemas.openxmlformats.org/officeDocument/2006/relationships/slideLayout" Target="../slideLayouts/slideLayout36.xml"/><Relationship Id="rId35" Type="http://schemas.openxmlformats.org/officeDocument/2006/relationships/slideLayout" Target="../slideLayouts/slideLayout35.xml"/><Relationship Id="rId34" Type="http://schemas.openxmlformats.org/officeDocument/2006/relationships/slideLayout" Target="../slideLayouts/slideLayout34.xml"/><Relationship Id="rId33" Type="http://schemas.openxmlformats.org/officeDocument/2006/relationships/slideLayout" Target="../slideLayouts/slideLayout33.xml"/><Relationship Id="rId32" Type="http://schemas.openxmlformats.org/officeDocument/2006/relationships/slideLayout" Target="../slideLayouts/slideLayout32.xml"/><Relationship Id="rId31" Type="http://schemas.openxmlformats.org/officeDocument/2006/relationships/slideLayout" Target="../slideLayouts/slideLayout31.xml"/><Relationship Id="rId30" Type="http://schemas.openxmlformats.org/officeDocument/2006/relationships/slideLayout" Target="../slideLayouts/slideLayout30.xml"/><Relationship Id="rId3" Type="http://schemas.openxmlformats.org/officeDocument/2006/relationships/slideLayout" Target="../slideLayouts/slideLayout3.xml"/><Relationship Id="rId29" Type="http://schemas.openxmlformats.org/officeDocument/2006/relationships/slideLayout" Target="../slideLayouts/slideLayout29.xml"/><Relationship Id="rId28" Type="http://schemas.openxmlformats.org/officeDocument/2006/relationships/slideLayout" Target="../slideLayouts/slideLayout28.xml"/><Relationship Id="rId27" Type="http://schemas.openxmlformats.org/officeDocument/2006/relationships/slideLayout" Target="../slideLayouts/slideLayout27.xml"/><Relationship Id="rId26" Type="http://schemas.openxmlformats.org/officeDocument/2006/relationships/slideLayout" Target="../slideLayouts/slideLayout26.xml"/><Relationship Id="rId25" Type="http://schemas.openxmlformats.org/officeDocument/2006/relationships/slideLayout" Target="../slideLayouts/slideLayout25.xml"/><Relationship Id="rId24" Type="http://schemas.openxmlformats.org/officeDocument/2006/relationships/slideLayout" Target="../slideLayouts/slideLayout24.xml"/><Relationship Id="rId23" Type="http://schemas.openxmlformats.org/officeDocument/2006/relationships/slideLayout" Target="../slideLayouts/slideLayout23.xml"/><Relationship Id="rId22" Type="http://schemas.openxmlformats.org/officeDocument/2006/relationships/slideLayout" Target="../slideLayouts/slideLayout22.xml"/><Relationship Id="rId21" Type="http://schemas.openxmlformats.org/officeDocument/2006/relationships/slideLayout" Target="../slideLayouts/slideLayout21.xml"/><Relationship Id="rId20" Type="http://schemas.openxmlformats.org/officeDocument/2006/relationships/slideLayout" Target="../slideLayouts/slideLayout20.xml"/><Relationship Id="rId2" Type="http://schemas.openxmlformats.org/officeDocument/2006/relationships/slideLayout" Target="../slideLayouts/slideLayout2.xml"/><Relationship Id="rId19" Type="http://schemas.openxmlformats.org/officeDocument/2006/relationships/slideLayout" Target="../slideLayouts/slideLayout19.xml"/><Relationship Id="rId18" Type="http://schemas.openxmlformats.org/officeDocument/2006/relationships/slideLayout" Target="../slideLayouts/slideLayout18.xml"/><Relationship Id="rId17" Type="http://schemas.openxmlformats.org/officeDocument/2006/relationships/slideLayout" Target="../slideLayouts/slideLayout17.xml"/><Relationship Id="rId16" Type="http://schemas.openxmlformats.org/officeDocument/2006/relationships/slideLayout" Target="../slideLayouts/slideLayout16.xml"/><Relationship Id="rId15" Type="http://schemas.openxmlformats.org/officeDocument/2006/relationships/slideLayout" Target="../slideLayouts/slideLayout15.xml"/><Relationship Id="rId14" Type="http://schemas.openxmlformats.org/officeDocument/2006/relationships/slideLayout" Target="../slideLayouts/slideLayout14.xml"/><Relationship Id="rId13" Type="http://schemas.openxmlformats.org/officeDocument/2006/relationships/slideLayout" Target="../slideLayouts/slideLayout13.xml"/><Relationship Id="rId12" Type="http://schemas.openxmlformats.org/officeDocument/2006/relationships/slideLayout" Target="../slideLayouts/slideLayout12.xml"/><Relationship Id="rId11" Type="http://schemas.openxmlformats.org/officeDocument/2006/relationships/slideLayout" Target="../slideLayouts/slideLayout11.xml"/><Relationship Id="rId10" Type="http://schemas.openxmlformats.org/officeDocument/2006/relationships/slideLayout" Target="../slideLayouts/slideLayout10.xml"/><Relationship Id="rId1" Type="http://schemas.openxmlformats.org/officeDocument/2006/relationships/slideLayout" Target="../slideLayouts/slideLayout1.xml"/></Relationships>
</file>

<file path=ppt/slideMasters/_rels/slideMaster2.xml.rels><?xml version="1.0" encoding="UTF-8" standalone="yes"?>
<Relationships xmlns="http://schemas.openxmlformats.org/package/2006/relationships"><Relationship Id="rId9" Type="http://schemas.openxmlformats.org/officeDocument/2006/relationships/slideLayout" Target="../slideLayouts/slideLayout54.xml"/><Relationship Id="rId8" Type="http://schemas.openxmlformats.org/officeDocument/2006/relationships/slideLayout" Target="../slideLayouts/slideLayout53.xml"/><Relationship Id="rId7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1.xml"/><Relationship Id="rId5" Type="http://schemas.openxmlformats.org/officeDocument/2006/relationships/slideLayout" Target="../slideLayouts/slideLayout50.xml"/><Relationship Id="rId46" Type="http://schemas.openxmlformats.org/officeDocument/2006/relationships/theme" Target="../theme/theme2.xml"/><Relationship Id="rId45" Type="http://schemas.openxmlformats.org/officeDocument/2006/relationships/slideLayout" Target="../slideLayouts/slideLayout90.xml"/><Relationship Id="rId44" Type="http://schemas.openxmlformats.org/officeDocument/2006/relationships/slideLayout" Target="../slideLayouts/slideLayout89.xml"/><Relationship Id="rId43" Type="http://schemas.openxmlformats.org/officeDocument/2006/relationships/slideLayout" Target="../slideLayouts/slideLayout88.xml"/><Relationship Id="rId42" Type="http://schemas.openxmlformats.org/officeDocument/2006/relationships/slideLayout" Target="../slideLayouts/slideLayout87.xml"/><Relationship Id="rId41" Type="http://schemas.openxmlformats.org/officeDocument/2006/relationships/slideLayout" Target="../slideLayouts/slideLayout86.xml"/><Relationship Id="rId40" Type="http://schemas.openxmlformats.org/officeDocument/2006/relationships/slideLayout" Target="../slideLayouts/slideLayout85.xml"/><Relationship Id="rId4" Type="http://schemas.openxmlformats.org/officeDocument/2006/relationships/slideLayout" Target="../slideLayouts/slideLayout49.xml"/><Relationship Id="rId39" Type="http://schemas.openxmlformats.org/officeDocument/2006/relationships/slideLayout" Target="../slideLayouts/slideLayout84.xml"/><Relationship Id="rId38" Type="http://schemas.openxmlformats.org/officeDocument/2006/relationships/slideLayout" Target="../slideLayouts/slideLayout83.xml"/><Relationship Id="rId37" Type="http://schemas.openxmlformats.org/officeDocument/2006/relationships/slideLayout" Target="../slideLayouts/slideLayout82.xml"/><Relationship Id="rId36" Type="http://schemas.openxmlformats.org/officeDocument/2006/relationships/slideLayout" Target="../slideLayouts/slideLayout81.xml"/><Relationship Id="rId35" Type="http://schemas.openxmlformats.org/officeDocument/2006/relationships/slideLayout" Target="../slideLayouts/slideLayout80.xml"/><Relationship Id="rId34" Type="http://schemas.openxmlformats.org/officeDocument/2006/relationships/slideLayout" Target="../slideLayouts/slideLayout79.xml"/><Relationship Id="rId33" Type="http://schemas.openxmlformats.org/officeDocument/2006/relationships/slideLayout" Target="../slideLayouts/slideLayout78.xml"/><Relationship Id="rId32" Type="http://schemas.openxmlformats.org/officeDocument/2006/relationships/slideLayout" Target="../slideLayouts/slideLayout77.xml"/><Relationship Id="rId31" Type="http://schemas.openxmlformats.org/officeDocument/2006/relationships/slideLayout" Target="../slideLayouts/slideLayout76.xml"/><Relationship Id="rId30" Type="http://schemas.openxmlformats.org/officeDocument/2006/relationships/slideLayout" Target="../slideLayouts/slideLayout75.xml"/><Relationship Id="rId3" Type="http://schemas.openxmlformats.org/officeDocument/2006/relationships/slideLayout" Target="../slideLayouts/slideLayout48.xml"/><Relationship Id="rId29" Type="http://schemas.openxmlformats.org/officeDocument/2006/relationships/slideLayout" Target="../slideLayouts/slideLayout74.xml"/><Relationship Id="rId28" Type="http://schemas.openxmlformats.org/officeDocument/2006/relationships/slideLayout" Target="../slideLayouts/slideLayout73.xml"/><Relationship Id="rId27" Type="http://schemas.openxmlformats.org/officeDocument/2006/relationships/slideLayout" Target="../slideLayouts/slideLayout72.xml"/><Relationship Id="rId26" Type="http://schemas.openxmlformats.org/officeDocument/2006/relationships/slideLayout" Target="../slideLayouts/slideLayout71.xml"/><Relationship Id="rId25" Type="http://schemas.openxmlformats.org/officeDocument/2006/relationships/slideLayout" Target="../slideLayouts/slideLayout70.xml"/><Relationship Id="rId24" Type="http://schemas.openxmlformats.org/officeDocument/2006/relationships/slideLayout" Target="../slideLayouts/slideLayout69.xml"/><Relationship Id="rId23" Type="http://schemas.openxmlformats.org/officeDocument/2006/relationships/slideLayout" Target="../slideLayouts/slideLayout68.xml"/><Relationship Id="rId22" Type="http://schemas.openxmlformats.org/officeDocument/2006/relationships/slideLayout" Target="../slideLayouts/slideLayout67.xml"/><Relationship Id="rId21" Type="http://schemas.openxmlformats.org/officeDocument/2006/relationships/slideLayout" Target="../slideLayouts/slideLayout66.xml"/><Relationship Id="rId20" Type="http://schemas.openxmlformats.org/officeDocument/2006/relationships/slideLayout" Target="../slideLayouts/slideLayout65.xml"/><Relationship Id="rId2" Type="http://schemas.openxmlformats.org/officeDocument/2006/relationships/slideLayout" Target="../slideLayouts/slideLayout47.xml"/><Relationship Id="rId19" Type="http://schemas.openxmlformats.org/officeDocument/2006/relationships/slideLayout" Target="../slideLayouts/slideLayout64.xml"/><Relationship Id="rId18" Type="http://schemas.openxmlformats.org/officeDocument/2006/relationships/slideLayout" Target="../slideLayouts/slideLayout63.xml"/><Relationship Id="rId17" Type="http://schemas.openxmlformats.org/officeDocument/2006/relationships/slideLayout" Target="../slideLayouts/slideLayout62.xml"/><Relationship Id="rId16" Type="http://schemas.openxmlformats.org/officeDocument/2006/relationships/slideLayout" Target="../slideLayouts/slideLayout61.xml"/><Relationship Id="rId15" Type="http://schemas.openxmlformats.org/officeDocument/2006/relationships/slideLayout" Target="../slideLayouts/slideLayout60.xml"/><Relationship Id="rId14" Type="http://schemas.openxmlformats.org/officeDocument/2006/relationships/slideLayout" Target="../slideLayouts/slideLayout59.xml"/><Relationship Id="rId13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56.xml"/><Relationship Id="rId10" Type="http://schemas.openxmlformats.org/officeDocument/2006/relationships/slideLayout" Target="../slideLayouts/slideLayout55.xml"/><Relationship Id="rId1" Type="http://schemas.openxmlformats.org/officeDocument/2006/relationships/slideLayout" Target="../slideLayouts/slideLayout46.xml"/></Relationships>
</file>

<file path=ppt/slideMasters/_rels/slideMaster3.xml.rels><?xml version="1.0" encoding="UTF-8" standalone="yes"?>
<Relationships xmlns="http://schemas.openxmlformats.org/package/2006/relationships"><Relationship Id="rId9" Type="http://schemas.openxmlformats.org/officeDocument/2006/relationships/slideLayout" Target="../slideLayouts/slideLayout99.xml"/><Relationship Id="rId8" Type="http://schemas.openxmlformats.org/officeDocument/2006/relationships/slideLayout" Target="../slideLayouts/slideLayout98.xml"/><Relationship Id="rId7" Type="http://schemas.openxmlformats.org/officeDocument/2006/relationships/slideLayout" Target="../slideLayouts/slideLayout97.xml"/><Relationship Id="rId6" Type="http://schemas.openxmlformats.org/officeDocument/2006/relationships/slideLayout" Target="../slideLayouts/slideLayout96.xml"/><Relationship Id="rId5" Type="http://schemas.openxmlformats.org/officeDocument/2006/relationships/slideLayout" Target="../slideLayouts/slideLayout95.xml"/><Relationship Id="rId46" Type="http://schemas.openxmlformats.org/officeDocument/2006/relationships/theme" Target="../theme/theme3.xml"/><Relationship Id="rId45" Type="http://schemas.openxmlformats.org/officeDocument/2006/relationships/slideLayout" Target="../slideLayouts/slideLayout135.xml"/><Relationship Id="rId44" Type="http://schemas.openxmlformats.org/officeDocument/2006/relationships/slideLayout" Target="../slideLayouts/slideLayout134.xml"/><Relationship Id="rId43" Type="http://schemas.openxmlformats.org/officeDocument/2006/relationships/slideLayout" Target="../slideLayouts/slideLayout133.xml"/><Relationship Id="rId42" Type="http://schemas.openxmlformats.org/officeDocument/2006/relationships/slideLayout" Target="../slideLayouts/slideLayout132.xml"/><Relationship Id="rId41" Type="http://schemas.openxmlformats.org/officeDocument/2006/relationships/slideLayout" Target="../slideLayouts/slideLayout131.xml"/><Relationship Id="rId40" Type="http://schemas.openxmlformats.org/officeDocument/2006/relationships/slideLayout" Target="../slideLayouts/slideLayout130.xml"/><Relationship Id="rId4" Type="http://schemas.openxmlformats.org/officeDocument/2006/relationships/slideLayout" Target="../slideLayouts/slideLayout94.xml"/><Relationship Id="rId39" Type="http://schemas.openxmlformats.org/officeDocument/2006/relationships/slideLayout" Target="../slideLayouts/slideLayout129.xml"/><Relationship Id="rId38" Type="http://schemas.openxmlformats.org/officeDocument/2006/relationships/slideLayout" Target="../slideLayouts/slideLayout128.xml"/><Relationship Id="rId37" Type="http://schemas.openxmlformats.org/officeDocument/2006/relationships/slideLayout" Target="../slideLayouts/slideLayout127.xml"/><Relationship Id="rId36" Type="http://schemas.openxmlformats.org/officeDocument/2006/relationships/slideLayout" Target="../slideLayouts/slideLayout126.xml"/><Relationship Id="rId35" Type="http://schemas.openxmlformats.org/officeDocument/2006/relationships/slideLayout" Target="../slideLayouts/slideLayout125.xml"/><Relationship Id="rId34" Type="http://schemas.openxmlformats.org/officeDocument/2006/relationships/slideLayout" Target="../slideLayouts/slideLayout124.xml"/><Relationship Id="rId33" Type="http://schemas.openxmlformats.org/officeDocument/2006/relationships/slideLayout" Target="../slideLayouts/slideLayout123.xml"/><Relationship Id="rId32" Type="http://schemas.openxmlformats.org/officeDocument/2006/relationships/slideLayout" Target="../slideLayouts/slideLayout122.xml"/><Relationship Id="rId31" Type="http://schemas.openxmlformats.org/officeDocument/2006/relationships/slideLayout" Target="../slideLayouts/slideLayout121.xml"/><Relationship Id="rId30" Type="http://schemas.openxmlformats.org/officeDocument/2006/relationships/slideLayout" Target="../slideLayouts/slideLayout120.xml"/><Relationship Id="rId3" Type="http://schemas.openxmlformats.org/officeDocument/2006/relationships/slideLayout" Target="../slideLayouts/slideLayout93.xml"/><Relationship Id="rId29" Type="http://schemas.openxmlformats.org/officeDocument/2006/relationships/slideLayout" Target="../slideLayouts/slideLayout119.xml"/><Relationship Id="rId28" Type="http://schemas.openxmlformats.org/officeDocument/2006/relationships/slideLayout" Target="../slideLayouts/slideLayout118.xml"/><Relationship Id="rId27" Type="http://schemas.openxmlformats.org/officeDocument/2006/relationships/slideLayout" Target="../slideLayouts/slideLayout117.xml"/><Relationship Id="rId26" Type="http://schemas.openxmlformats.org/officeDocument/2006/relationships/slideLayout" Target="../slideLayouts/slideLayout116.xml"/><Relationship Id="rId25" Type="http://schemas.openxmlformats.org/officeDocument/2006/relationships/slideLayout" Target="../slideLayouts/slideLayout115.xml"/><Relationship Id="rId24" Type="http://schemas.openxmlformats.org/officeDocument/2006/relationships/slideLayout" Target="../slideLayouts/slideLayout114.xml"/><Relationship Id="rId23" Type="http://schemas.openxmlformats.org/officeDocument/2006/relationships/slideLayout" Target="../slideLayouts/slideLayout113.xml"/><Relationship Id="rId22" Type="http://schemas.openxmlformats.org/officeDocument/2006/relationships/slideLayout" Target="../slideLayouts/slideLayout112.xml"/><Relationship Id="rId21" Type="http://schemas.openxmlformats.org/officeDocument/2006/relationships/slideLayout" Target="../slideLayouts/slideLayout111.xml"/><Relationship Id="rId20" Type="http://schemas.openxmlformats.org/officeDocument/2006/relationships/slideLayout" Target="../slideLayouts/slideLayout110.xml"/><Relationship Id="rId2" Type="http://schemas.openxmlformats.org/officeDocument/2006/relationships/slideLayout" Target="../slideLayouts/slideLayout92.xml"/><Relationship Id="rId19" Type="http://schemas.openxmlformats.org/officeDocument/2006/relationships/slideLayout" Target="../slideLayouts/slideLayout109.xml"/><Relationship Id="rId18" Type="http://schemas.openxmlformats.org/officeDocument/2006/relationships/slideLayout" Target="../slideLayouts/slideLayout108.xml"/><Relationship Id="rId17" Type="http://schemas.openxmlformats.org/officeDocument/2006/relationships/slideLayout" Target="../slideLayouts/slideLayout107.xml"/><Relationship Id="rId16" Type="http://schemas.openxmlformats.org/officeDocument/2006/relationships/slideLayout" Target="../slideLayouts/slideLayout106.xml"/><Relationship Id="rId15" Type="http://schemas.openxmlformats.org/officeDocument/2006/relationships/slideLayout" Target="../slideLayouts/slideLayout105.xml"/><Relationship Id="rId14" Type="http://schemas.openxmlformats.org/officeDocument/2006/relationships/slideLayout" Target="../slideLayouts/slideLayout104.xml"/><Relationship Id="rId13" Type="http://schemas.openxmlformats.org/officeDocument/2006/relationships/slideLayout" Target="../slideLayouts/slideLayout103.xml"/><Relationship Id="rId12" Type="http://schemas.openxmlformats.org/officeDocument/2006/relationships/slideLayout" Target="../slideLayouts/slideLayout102.xml"/><Relationship Id="rId11" Type="http://schemas.openxmlformats.org/officeDocument/2006/relationships/slideLayout" Target="../slideLayouts/slideLayout101.xml"/><Relationship Id="rId10" Type="http://schemas.openxmlformats.org/officeDocument/2006/relationships/slideLayout" Target="../slideLayouts/slideLayout100.xml"/><Relationship Id="rId1" Type="http://schemas.openxmlformats.org/officeDocument/2006/relationships/slideLayout" Target="../slideLayouts/slideLayout91.xml"/></Relationships>
</file>

<file path=ppt/slideMasters/_rels/slideMaster4.xml.rels><?xml version="1.0" encoding="UTF-8" standalone="yes"?>
<Relationships xmlns="http://schemas.openxmlformats.org/package/2006/relationships"><Relationship Id="rId9" Type="http://schemas.openxmlformats.org/officeDocument/2006/relationships/slideLayout" Target="../slideLayouts/slideLayout144.xml"/><Relationship Id="rId8" Type="http://schemas.openxmlformats.org/officeDocument/2006/relationships/slideLayout" Target="../slideLayouts/slideLayout143.xml"/><Relationship Id="rId7" Type="http://schemas.openxmlformats.org/officeDocument/2006/relationships/slideLayout" Target="../slideLayouts/slideLayout142.xml"/><Relationship Id="rId6" Type="http://schemas.openxmlformats.org/officeDocument/2006/relationships/slideLayout" Target="../slideLayouts/slideLayout141.xml"/><Relationship Id="rId5" Type="http://schemas.openxmlformats.org/officeDocument/2006/relationships/slideLayout" Target="../slideLayouts/slideLayout140.xml"/><Relationship Id="rId46" Type="http://schemas.openxmlformats.org/officeDocument/2006/relationships/theme" Target="../theme/theme4.xml"/><Relationship Id="rId45" Type="http://schemas.openxmlformats.org/officeDocument/2006/relationships/slideLayout" Target="../slideLayouts/slideLayout180.xml"/><Relationship Id="rId44" Type="http://schemas.openxmlformats.org/officeDocument/2006/relationships/slideLayout" Target="../slideLayouts/slideLayout179.xml"/><Relationship Id="rId43" Type="http://schemas.openxmlformats.org/officeDocument/2006/relationships/slideLayout" Target="../slideLayouts/slideLayout178.xml"/><Relationship Id="rId42" Type="http://schemas.openxmlformats.org/officeDocument/2006/relationships/slideLayout" Target="../slideLayouts/slideLayout177.xml"/><Relationship Id="rId41" Type="http://schemas.openxmlformats.org/officeDocument/2006/relationships/slideLayout" Target="../slideLayouts/slideLayout176.xml"/><Relationship Id="rId40" Type="http://schemas.openxmlformats.org/officeDocument/2006/relationships/slideLayout" Target="../slideLayouts/slideLayout175.xml"/><Relationship Id="rId4" Type="http://schemas.openxmlformats.org/officeDocument/2006/relationships/slideLayout" Target="../slideLayouts/slideLayout139.xml"/><Relationship Id="rId39" Type="http://schemas.openxmlformats.org/officeDocument/2006/relationships/slideLayout" Target="../slideLayouts/slideLayout174.xml"/><Relationship Id="rId38" Type="http://schemas.openxmlformats.org/officeDocument/2006/relationships/slideLayout" Target="../slideLayouts/slideLayout173.xml"/><Relationship Id="rId37" Type="http://schemas.openxmlformats.org/officeDocument/2006/relationships/slideLayout" Target="../slideLayouts/slideLayout172.xml"/><Relationship Id="rId36" Type="http://schemas.openxmlformats.org/officeDocument/2006/relationships/slideLayout" Target="../slideLayouts/slideLayout171.xml"/><Relationship Id="rId35" Type="http://schemas.openxmlformats.org/officeDocument/2006/relationships/slideLayout" Target="../slideLayouts/slideLayout170.xml"/><Relationship Id="rId34" Type="http://schemas.openxmlformats.org/officeDocument/2006/relationships/slideLayout" Target="../slideLayouts/slideLayout169.xml"/><Relationship Id="rId33" Type="http://schemas.openxmlformats.org/officeDocument/2006/relationships/slideLayout" Target="../slideLayouts/slideLayout168.xml"/><Relationship Id="rId32" Type="http://schemas.openxmlformats.org/officeDocument/2006/relationships/slideLayout" Target="../slideLayouts/slideLayout167.xml"/><Relationship Id="rId31" Type="http://schemas.openxmlformats.org/officeDocument/2006/relationships/slideLayout" Target="../slideLayouts/slideLayout166.xml"/><Relationship Id="rId30" Type="http://schemas.openxmlformats.org/officeDocument/2006/relationships/slideLayout" Target="../slideLayouts/slideLayout165.xml"/><Relationship Id="rId3" Type="http://schemas.openxmlformats.org/officeDocument/2006/relationships/slideLayout" Target="../slideLayouts/slideLayout138.xml"/><Relationship Id="rId29" Type="http://schemas.openxmlformats.org/officeDocument/2006/relationships/slideLayout" Target="../slideLayouts/slideLayout164.xml"/><Relationship Id="rId28" Type="http://schemas.openxmlformats.org/officeDocument/2006/relationships/slideLayout" Target="../slideLayouts/slideLayout163.xml"/><Relationship Id="rId27" Type="http://schemas.openxmlformats.org/officeDocument/2006/relationships/slideLayout" Target="../slideLayouts/slideLayout162.xml"/><Relationship Id="rId26" Type="http://schemas.openxmlformats.org/officeDocument/2006/relationships/slideLayout" Target="../slideLayouts/slideLayout161.xml"/><Relationship Id="rId25" Type="http://schemas.openxmlformats.org/officeDocument/2006/relationships/slideLayout" Target="../slideLayouts/slideLayout160.xml"/><Relationship Id="rId24" Type="http://schemas.openxmlformats.org/officeDocument/2006/relationships/slideLayout" Target="../slideLayouts/slideLayout159.xml"/><Relationship Id="rId23" Type="http://schemas.openxmlformats.org/officeDocument/2006/relationships/slideLayout" Target="../slideLayouts/slideLayout158.xml"/><Relationship Id="rId22" Type="http://schemas.openxmlformats.org/officeDocument/2006/relationships/slideLayout" Target="../slideLayouts/slideLayout157.xml"/><Relationship Id="rId21" Type="http://schemas.openxmlformats.org/officeDocument/2006/relationships/slideLayout" Target="../slideLayouts/slideLayout156.xml"/><Relationship Id="rId20" Type="http://schemas.openxmlformats.org/officeDocument/2006/relationships/slideLayout" Target="../slideLayouts/slideLayout155.xml"/><Relationship Id="rId2" Type="http://schemas.openxmlformats.org/officeDocument/2006/relationships/slideLayout" Target="../slideLayouts/slideLayout137.xml"/><Relationship Id="rId19" Type="http://schemas.openxmlformats.org/officeDocument/2006/relationships/slideLayout" Target="../slideLayouts/slideLayout154.xml"/><Relationship Id="rId18" Type="http://schemas.openxmlformats.org/officeDocument/2006/relationships/slideLayout" Target="../slideLayouts/slideLayout153.xml"/><Relationship Id="rId17" Type="http://schemas.openxmlformats.org/officeDocument/2006/relationships/slideLayout" Target="../slideLayouts/slideLayout152.xml"/><Relationship Id="rId16" Type="http://schemas.openxmlformats.org/officeDocument/2006/relationships/slideLayout" Target="../slideLayouts/slideLayout151.xml"/><Relationship Id="rId15" Type="http://schemas.openxmlformats.org/officeDocument/2006/relationships/slideLayout" Target="../slideLayouts/slideLayout150.xml"/><Relationship Id="rId14" Type="http://schemas.openxmlformats.org/officeDocument/2006/relationships/slideLayout" Target="../slideLayouts/slideLayout149.xml"/><Relationship Id="rId13" Type="http://schemas.openxmlformats.org/officeDocument/2006/relationships/slideLayout" Target="../slideLayouts/slideLayout148.xml"/><Relationship Id="rId12" Type="http://schemas.openxmlformats.org/officeDocument/2006/relationships/slideLayout" Target="../slideLayouts/slideLayout147.xml"/><Relationship Id="rId11" Type="http://schemas.openxmlformats.org/officeDocument/2006/relationships/slideLayout" Target="../slideLayouts/slideLayout146.xml"/><Relationship Id="rId10" Type="http://schemas.openxmlformats.org/officeDocument/2006/relationships/slideLayout" Target="../slideLayouts/slideLayout145.xml"/><Relationship Id="rId1" Type="http://schemas.openxmlformats.org/officeDocument/2006/relationships/slideLayout" Target="../slideLayouts/slideLayout136.xml"/></Relationships>
</file>

<file path=ppt/slideMasters/_rels/slideMaster5.xml.rels><?xml version="1.0" encoding="UTF-8" standalone="yes"?>
<Relationships xmlns="http://schemas.openxmlformats.org/package/2006/relationships"><Relationship Id="rId9" Type="http://schemas.openxmlformats.org/officeDocument/2006/relationships/slideLayout" Target="../slideLayouts/slideLayout189.xml"/><Relationship Id="rId8" Type="http://schemas.openxmlformats.org/officeDocument/2006/relationships/slideLayout" Target="../slideLayouts/slideLayout188.xml"/><Relationship Id="rId7" Type="http://schemas.openxmlformats.org/officeDocument/2006/relationships/slideLayout" Target="../slideLayouts/slideLayout187.xml"/><Relationship Id="rId6" Type="http://schemas.openxmlformats.org/officeDocument/2006/relationships/slideLayout" Target="../slideLayouts/slideLayout186.xml"/><Relationship Id="rId5" Type="http://schemas.openxmlformats.org/officeDocument/2006/relationships/slideLayout" Target="../slideLayouts/slideLayout185.xml"/><Relationship Id="rId46" Type="http://schemas.openxmlformats.org/officeDocument/2006/relationships/theme" Target="../theme/theme5.xml"/><Relationship Id="rId45" Type="http://schemas.openxmlformats.org/officeDocument/2006/relationships/slideLayout" Target="../slideLayouts/slideLayout225.xml"/><Relationship Id="rId44" Type="http://schemas.openxmlformats.org/officeDocument/2006/relationships/slideLayout" Target="../slideLayouts/slideLayout224.xml"/><Relationship Id="rId43" Type="http://schemas.openxmlformats.org/officeDocument/2006/relationships/slideLayout" Target="../slideLayouts/slideLayout223.xml"/><Relationship Id="rId42" Type="http://schemas.openxmlformats.org/officeDocument/2006/relationships/slideLayout" Target="../slideLayouts/slideLayout222.xml"/><Relationship Id="rId41" Type="http://schemas.openxmlformats.org/officeDocument/2006/relationships/slideLayout" Target="../slideLayouts/slideLayout221.xml"/><Relationship Id="rId40" Type="http://schemas.openxmlformats.org/officeDocument/2006/relationships/slideLayout" Target="../slideLayouts/slideLayout220.xml"/><Relationship Id="rId4" Type="http://schemas.openxmlformats.org/officeDocument/2006/relationships/slideLayout" Target="../slideLayouts/slideLayout184.xml"/><Relationship Id="rId39" Type="http://schemas.openxmlformats.org/officeDocument/2006/relationships/slideLayout" Target="../slideLayouts/slideLayout219.xml"/><Relationship Id="rId38" Type="http://schemas.openxmlformats.org/officeDocument/2006/relationships/slideLayout" Target="../slideLayouts/slideLayout218.xml"/><Relationship Id="rId37" Type="http://schemas.openxmlformats.org/officeDocument/2006/relationships/slideLayout" Target="../slideLayouts/slideLayout217.xml"/><Relationship Id="rId36" Type="http://schemas.openxmlformats.org/officeDocument/2006/relationships/slideLayout" Target="../slideLayouts/slideLayout216.xml"/><Relationship Id="rId35" Type="http://schemas.openxmlformats.org/officeDocument/2006/relationships/slideLayout" Target="../slideLayouts/slideLayout215.xml"/><Relationship Id="rId34" Type="http://schemas.openxmlformats.org/officeDocument/2006/relationships/slideLayout" Target="../slideLayouts/slideLayout214.xml"/><Relationship Id="rId33" Type="http://schemas.openxmlformats.org/officeDocument/2006/relationships/slideLayout" Target="../slideLayouts/slideLayout213.xml"/><Relationship Id="rId32" Type="http://schemas.openxmlformats.org/officeDocument/2006/relationships/slideLayout" Target="../slideLayouts/slideLayout212.xml"/><Relationship Id="rId31" Type="http://schemas.openxmlformats.org/officeDocument/2006/relationships/slideLayout" Target="../slideLayouts/slideLayout211.xml"/><Relationship Id="rId30" Type="http://schemas.openxmlformats.org/officeDocument/2006/relationships/slideLayout" Target="../slideLayouts/slideLayout210.xml"/><Relationship Id="rId3" Type="http://schemas.openxmlformats.org/officeDocument/2006/relationships/slideLayout" Target="../slideLayouts/slideLayout183.xml"/><Relationship Id="rId29" Type="http://schemas.openxmlformats.org/officeDocument/2006/relationships/slideLayout" Target="../slideLayouts/slideLayout209.xml"/><Relationship Id="rId28" Type="http://schemas.openxmlformats.org/officeDocument/2006/relationships/slideLayout" Target="../slideLayouts/slideLayout208.xml"/><Relationship Id="rId27" Type="http://schemas.openxmlformats.org/officeDocument/2006/relationships/slideLayout" Target="../slideLayouts/slideLayout207.xml"/><Relationship Id="rId26" Type="http://schemas.openxmlformats.org/officeDocument/2006/relationships/slideLayout" Target="../slideLayouts/slideLayout206.xml"/><Relationship Id="rId25" Type="http://schemas.openxmlformats.org/officeDocument/2006/relationships/slideLayout" Target="../slideLayouts/slideLayout205.xml"/><Relationship Id="rId24" Type="http://schemas.openxmlformats.org/officeDocument/2006/relationships/slideLayout" Target="../slideLayouts/slideLayout204.xml"/><Relationship Id="rId23" Type="http://schemas.openxmlformats.org/officeDocument/2006/relationships/slideLayout" Target="../slideLayouts/slideLayout203.xml"/><Relationship Id="rId22" Type="http://schemas.openxmlformats.org/officeDocument/2006/relationships/slideLayout" Target="../slideLayouts/slideLayout202.xml"/><Relationship Id="rId21" Type="http://schemas.openxmlformats.org/officeDocument/2006/relationships/slideLayout" Target="../slideLayouts/slideLayout201.xml"/><Relationship Id="rId20" Type="http://schemas.openxmlformats.org/officeDocument/2006/relationships/slideLayout" Target="../slideLayouts/slideLayout200.xml"/><Relationship Id="rId2" Type="http://schemas.openxmlformats.org/officeDocument/2006/relationships/slideLayout" Target="../slideLayouts/slideLayout182.xml"/><Relationship Id="rId19" Type="http://schemas.openxmlformats.org/officeDocument/2006/relationships/slideLayout" Target="../slideLayouts/slideLayout199.xml"/><Relationship Id="rId18" Type="http://schemas.openxmlformats.org/officeDocument/2006/relationships/slideLayout" Target="../slideLayouts/slideLayout198.xml"/><Relationship Id="rId17" Type="http://schemas.openxmlformats.org/officeDocument/2006/relationships/slideLayout" Target="../slideLayouts/slideLayout197.xml"/><Relationship Id="rId16" Type="http://schemas.openxmlformats.org/officeDocument/2006/relationships/slideLayout" Target="../slideLayouts/slideLayout196.xml"/><Relationship Id="rId15" Type="http://schemas.openxmlformats.org/officeDocument/2006/relationships/slideLayout" Target="../slideLayouts/slideLayout195.xml"/><Relationship Id="rId14" Type="http://schemas.openxmlformats.org/officeDocument/2006/relationships/slideLayout" Target="../slideLayouts/slideLayout194.xml"/><Relationship Id="rId13" Type="http://schemas.openxmlformats.org/officeDocument/2006/relationships/slideLayout" Target="../slideLayouts/slideLayout193.xml"/><Relationship Id="rId12" Type="http://schemas.openxmlformats.org/officeDocument/2006/relationships/slideLayout" Target="../slideLayouts/slideLayout192.xml"/><Relationship Id="rId11" Type="http://schemas.openxmlformats.org/officeDocument/2006/relationships/slideLayout" Target="../slideLayouts/slideLayout191.xml"/><Relationship Id="rId10" Type="http://schemas.openxmlformats.org/officeDocument/2006/relationships/slideLayout" Target="../slideLayouts/slideLayout190.xml"/><Relationship Id="rId1" Type="http://schemas.openxmlformats.org/officeDocument/2006/relationships/slideLayout" Target="../slideLayouts/slideLayout181.xml"/></Relationships>
</file>

<file path=ppt/slideMasters/_rels/slideMaster6.xml.rels><?xml version="1.0" encoding="UTF-8" standalone="yes"?>
<Relationships xmlns="http://schemas.openxmlformats.org/package/2006/relationships"><Relationship Id="rId9" Type="http://schemas.openxmlformats.org/officeDocument/2006/relationships/slideLayout" Target="../slideLayouts/slideLayout234.xml"/><Relationship Id="rId8" Type="http://schemas.openxmlformats.org/officeDocument/2006/relationships/slideLayout" Target="../slideLayouts/slideLayout233.xml"/><Relationship Id="rId7" Type="http://schemas.openxmlformats.org/officeDocument/2006/relationships/slideLayout" Target="../slideLayouts/slideLayout232.xml"/><Relationship Id="rId6" Type="http://schemas.openxmlformats.org/officeDocument/2006/relationships/slideLayout" Target="../slideLayouts/slideLayout231.xml"/><Relationship Id="rId5" Type="http://schemas.openxmlformats.org/officeDocument/2006/relationships/slideLayout" Target="../slideLayouts/slideLayout230.xml"/><Relationship Id="rId46" Type="http://schemas.openxmlformats.org/officeDocument/2006/relationships/theme" Target="../theme/theme6.xml"/><Relationship Id="rId45" Type="http://schemas.openxmlformats.org/officeDocument/2006/relationships/slideLayout" Target="../slideLayouts/slideLayout270.xml"/><Relationship Id="rId44" Type="http://schemas.openxmlformats.org/officeDocument/2006/relationships/slideLayout" Target="../slideLayouts/slideLayout269.xml"/><Relationship Id="rId43" Type="http://schemas.openxmlformats.org/officeDocument/2006/relationships/slideLayout" Target="../slideLayouts/slideLayout268.xml"/><Relationship Id="rId42" Type="http://schemas.openxmlformats.org/officeDocument/2006/relationships/slideLayout" Target="../slideLayouts/slideLayout267.xml"/><Relationship Id="rId41" Type="http://schemas.openxmlformats.org/officeDocument/2006/relationships/slideLayout" Target="../slideLayouts/slideLayout266.xml"/><Relationship Id="rId40" Type="http://schemas.openxmlformats.org/officeDocument/2006/relationships/slideLayout" Target="../slideLayouts/slideLayout265.xml"/><Relationship Id="rId4" Type="http://schemas.openxmlformats.org/officeDocument/2006/relationships/slideLayout" Target="../slideLayouts/slideLayout229.xml"/><Relationship Id="rId39" Type="http://schemas.openxmlformats.org/officeDocument/2006/relationships/slideLayout" Target="../slideLayouts/slideLayout264.xml"/><Relationship Id="rId38" Type="http://schemas.openxmlformats.org/officeDocument/2006/relationships/slideLayout" Target="../slideLayouts/slideLayout263.xml"/><Relationship Id="rId37" Type="http://schemas.openxmlformats.org/officeDocument/2006/relationships/slideLayout" Target="../slideLayouts/slideLayout262.xml"/><Relationship Id="rId36" Type="http://schemas.openxmlformats.org/officeDocument/2006/relationships/slideLayout" Target="../slideLayouts/slideLayout261.xml"/><Relationship Id="rId35" Type="http://schemas.openxmlformats.org/officeDocument/2006/relationships/slideLayout" Target="../slideLayouts/slideLayout260.xml"/><Relationship Id="rId34" Type="http://schemas.openxmlformats.org/officeDocument/2006/relationships/slideLayout" Target="../slideLayouts/slideLayout259.xml"/><Relationship Id="rId33" Type="http://schemas.openxmlformats.org/officeDocument/2006/relationships/slideLayout" Target="../slideLayouts/slideLayout258.xml"/><Relationship Id="rId32" Type="http://schemas.openxmlformats.org/officeDocument/2006/relationships/slideLayout" Target="../slideLayouts/slideLayout257.xml"/><Relationship Id="rId31" Type="http://schemas.openxmlformats.org/officeDocument/2006/relationships/slideLayout" Target="../slideLayouts/slideLayout256.xml"/><Relationship Id="rId30" Type="http://schemas.openxmlformats.org/officeDocument/2006/relationships/slideLayout" Target="../slideLayouts/slideLayout255.xml"/><Relationship Id="rId3" Type="http://schemas.openxmlformats.org/officeDocument/2006/relationships/slideLayout" Target="../slideLayouts/slideLayout228.xml"/><Relationship Id="rId29" Type="http://schemas.openxmlformats.org/officeDocument/2006/relationships/slideLayout" Target="../slideLayouts/slideLayout254.xml"/><Relationship Id="rId28" Type="http://schemas.openxmlformats.org/officeDocument/2006/relationships/slideLayout" Target="../slideLayouts/slideLayout253.xml"/><Relationship Id="rId27" Type="http://schemas.openxmlformats.org/officeDocument/2006/relationships/slideLayout" Target="../slideLayouts/slideLayout252.xml"/><Relationship Id="rId26" Type="http://schemas.openxmlformats.org/officeDocument/2006/relationships/slideLayout" Target="../slideLayouts/slideLayout251.xml"/><Relationship Id="rId25" Type="http://schemas.openxmlformats.org/officeDocument/2006/relationships/slideLayout" Target="../slideLayouts/slideLayout250.xml"/><Relationship Id="rId24" Type="http://schemas.openxmlformats.org/officeDocument/2006/relationships/slideLayout" Target="../slideLayouts/slideLayout249.xml"/><Relationship Id="rId23" Type="http://schemas.openxmlformats.org/officeDocument/2006/relationships/slideLayout" Target="../slideLayouts/slideLayout248.xml"/><Relationship Id="rId22" Type="http://schemas.openxmlformats.org/officeDocument/2006/relationships/slideLayout" Target="../slideLayouts/slideLayout247.xml"/><Relationship Id="rId21" Type="http://schemas.openxmlformats.org/officeDocument/2006/relationships/slideLayout" Target="../slideLayouts/slideLayout246.xml"/><Relationship Id="rId20" Type="http://schemas.openxmlformats.org/officeDocument/2006/relationships/slideLayout" Target="../slideLayouts/slideLayout245.xml"/><Relationship Id="rId2" Type="http://schemas.openxmlformats.org/officeDocument/2006/relationships/slideLayout" Target="../slideLayouts/slideLayout227.xml"/><Relationship Id="rId19" Type="http://schemas.openxmlformats.org/officeDocument/2006/relationships/slideLayout" Target="../slideLayouts/slideLayout244.xml"/><Relationship Id="rId18" Type="http://schemas.openxmlformats.org/officeDocument/2006/relationships/slideLayout" Target="../slideLayouts/slideLayout243.xml"/><Relationship Id="rId17" Type="http://schemas.openxmlformats.org/officeDocument/2006/relationships/slideLayout" Target="../slideLayouts/slideLayout242.xml"/><Relationship Id="rId16" Type="http://schemas.openxmlformats.org/officeDocument/2006/relationships/slideLayout" Target="../slideLayouts/slideLayout241.xml"/><Relationship Id="rId15" Type="http://schemas.openxmlformats.org/officeDocument/2006/relationships/slideLayout" Target="../slideLayouts/slideLayout240.xml"/><Relationship Id="rId14" Type="http://schemas.openxmlformats.org/officeDocument/2006/relationships/slideLayout" Target="../slideLayouts/slideLayout239.xml"/><Relationship Id="rId13" Type="http://schemas.openxmlformats.org/officeDocument/2006/relationships/slideLayout" Target="../slideLayouts/slideLayout238.xml"/><Relationship Id="rId12" Type="http://schemas.openxmlformats.org/officeDocument/2006/relationships/slideLayout" Target="../slideLayouts/slideLayout237.xml"/><Relationship Id="rId11" Type="http://schemas.openxmlformats.org/officeDocument/2006/relationships/slideLayout" Target="../slideLayouts/slideLayout236.xml"/><Relationship Id="rId10" Type="http://schemas.openxmlformats.org/officeDocument/2006/relationships/slideLayout" Target="../slideLayouts/slideLayout235.xml"/><Relationship Id="rId1" Type="http://schemas.openxmlformats.org/officeDocument/2006/relationships/slideLayout" Target="../slideLayouts/slideLayout226.xml"/></Relationships>
</file>

<file path=ppt/slideMasters/_rels/slideMaster7.xml.rels><?xml version="1.0" encoding="UTF-8" standalone="yes"?>
<Relationships xmlns="http://schemas.openxmlformats.org/package/2006/relationships"><Relationship Id="rId9" Type="http://schemas.openxmlformats.org/officeDocument/2006/relationships/slideLayout" Target="../slideLayouts/slideLayout279.xml"/><Relationship Id="rId8" Type="http://schemas.openxmlformats.org/officeDocument/2006/relationships/slideLayout" Target="../slideLayouts/slideLayout278.xml"/><Relationship Id="rId7" Type="http://schemas.openxmlformats.org/officeDocument/2006/relationships/slideLayout" Target="../slideLayouts/slideLayout277.xml"/><Relationship Id="rId6" Type="http://schemas.openxmlformats.org/officeDocument/2006/relationships/slideLayout" Target="../slideLayouts/slideLayout276.xml"/><Relationship Id="rId5" Type="http://schemas.openxmlformats.org/officeDocument/2006/relationships/slideLayout" Target="../slideLayouts/slideLayout275.xml"/><Relationship Id="rId46" Type="http://schemas.openxmlformats.org/officeDocument/2006/relationships/theme" Target="../theme/theme7.xml"/><Relationship Id="rId45" Type="http://schemas.openxmlformats.org/officeDocument/2006/relationships/slideLayout" Target="../slideLayouts/slideLayout315.xml"/><Relationship Id="rId44" Type="http://schemas.openxmlformats.org/officeDocument/2006/relationships/slideLayout" Target="../slideLayouts/slideLayout314.xml"/><Relationship Id="rId43" Type="http://schemas.openxmlformats.org/officeDocument/2006/relationships/slideLayout" Target="../slideLayouts/slideLayout313.xml"/><Relationship Id="rId42" Type="http://schemas.openxmlformats.org/officeDocument/2006/relationships/slideLayout" Target="../slideLayouts/slideLayout312.xml"/><Relationship Id="rId41" Type="http://schemas.openxmlformats.org/officeDocument/2006/relationships/slideLayout" Target="../slideLayouts/slideLayout311.xml"/><Relationship Id="rId40" Type="http://schemas.openxmlformats.org/officeDocument/2006/relationships/slideLayout" Target="../slideLayouts/slideLayout310.xml"/><Relationship Id="rId4" Type="http://schemas.openxmlformats.org/officeDocument/2006/relationships/slideLayout" Target="../slideLayouts/slideLayout274.xml"/><Relationship Id="rId39" Type="http://schemas.openxmlformats.org/officeDocument/2006/relationships/slideLayout" Target="../slideLayouts/slideLayout309.xml"/><Relationship Id="rId38" Type="http://schemas.openxmlformats.org/officeDocument/2006/relationships/slideLayout" Target="../slideLayouts/slideLayout308.xml"/><Relationship Id="rId37" Type="http://schemas.openxmlformats.org/officeDocument/2006/relationships/slideLayout" Target="../slideLayouts/slideLayout307.xml"/><Relationship Id="rId36" Type="http://schemas.openxmlformats.org/officeDocument/2006/relationships/slideLayout" Target="../slideLayouts/slideLayout306.xml"/><Relationship Id="rId35" Type="http://schemas.openxmlformats.org/officeDocument/2006/relationships/slideLayout" Target="../slideLayouts/slideLayout305.xml"/><Relationship Id="rId34" Type="http://schemas.openxmlformats.org/officeDocument/2006/relationships/slideLayout" Target="../slideLayouts/slideLayout304.xml"/><Relationship Id="rId33" Type="http://schemas.openxmlformats.org/officeDocument/2006/relationships/slideLayout" Target="../slideLayouts/slideLayout303.xml"/><Relationship Id="rId32" Type="http://schemas.openxmlformats.org/officeDocument/2006/relationships/slideLayout" Target="../slideLayouts/slideLayout302.xml"/><Relationship Id="rId31" Type="http://schemas.openxmlformats.org/officeDocument/2006/relationships/slideLayout" Target="../slideLayouts/slideLayout301.xml"/><Relationship Id="rId30" Type="http://schemas.openxmlformats.org/officeDocument/2006/relationships/slideLayout" Target="../slideLayouts/slideLayout300.xml"/><Relationship Id="rId3" Type="http://schemas.openxmlformats.org/officeDocument/2006/relationships/slideLayout" Target="../slideLayouts/slideLayout273.xml"/><Relationship Id="rId29" Type="http://schemas.openxmlformats.org/officeDocument/2006/relationships/slideLayout" Target="../slideLayouts/slideLayout299.xml"/><Relationship Id="rId28" Type="http://schemas.openxmlformats.org/officeDocument/2006/relationships/slideLayout" Target="../slideLayouts/slideLayout298.xml"/><Relationship Id="rId27" Type="http://schemas.openxmlformats.org/officeDocument/2006/relationships/slideLayout" Target="../slideLayouts/slideLayout297.xml"/><Relationship Id="rId26" Type="http://schemas.openxmlformats.org/officeDocument/2006/relationships/slideLayout" Target="../slideLayouts/slideLayout296.xml"/><Relationship Id="rId25" Type="http://schemas.openxmlformats.org/officeDocument/2006/relationships/slideLayout" Target="../slideLayouts/slideLayout295.xml"/><Relationship Id="rId24" Type="http://schemas.openxmlformats.org/officeDocument/2006/relationships/slideLayout" Target="../slideLayouts/slideLayout294.xml"/><Relationship Id="rId23" Type="http://schemas.openxmlformats.org/officeDocument/2006/relationships/slideLayout" Target="../slideLayouts/slideLayout293.xml"/><Relationship Id="rId22" Type="http://schemas.openxmlformats.org/officeDocument/2006/relationships/slideLayout" Target="../slideLayouts/slideLayout292.xml"/><Relationship Id="rId21" Type="http://schemas.openxmlformats.org/officeDocument/2006/relationships/slideLayout" Target="../slideLayouts/slideLayout291.xml"/><Relationship Id="rId20" Type="http://schemas.openxmlformats.org/officeDocument/2006/relationships/slideLayout" Target="../slideLayouts/slideLayout290.xml"/><Relationship Id="rId2" Type="http://schemas.openxmlformats.org/officeDocument/2006/relationships/slideLayout" Target="../slideLayouts/slideLayout272.xml"/><Relationship Id="rId19" Type="http://schemas.openxmlformats.org/officeDocument/2006/relationships/slideLayout" Target="../slideLayouts/slideLayout289.xml"/><Relationship Id="rId18" Type="http://schemas.openxmlformats.org/officeDocument/2006/relationships/slideLayout" Target="../slideLayouts/slideLayout288.xml"/><Relationship Id="rId17" Type="http://schemas.openxmlformats.org/officeDocument/2006/relationships/slideLayout" Target="../slideLayouts/slideLayout287.xml"/><Relationship Id="rId16" Type="http://schemas.openxmlformats.org/officeDocument/2006/relationships/slideLayout" Target="../slideLayouts/slideLayout286.xml"/><Relationship Id="rId15" Type="http://schemas.openxmlformats.org/officeDocument/2006/relationships/slideLayout" Target="../slideLayouts/slideLayout285.xml"/><Relationship Id="rId14" Type="http://schemas.openxmlformats.org/officeDocument/2006/relationships/slideLayout" Target="../slideLayouts/slideLayout284.xml"/><Relationship Id="rId13" Type="http://schemas.openxmlformats.org/officeDocument/2006/relationships/slideLayout" Target="../slideLayouts/slideLayout283.xml"/><Relationship Id="rId12" Type="http://schemas.openxmlformats.org/officeDocument/2006/relationships/slideLayout" Target="../slideLayouts/slideLayout282.xml"/><Relationship Id="rId11" Type="http://schemas.openxmlformats.org/officeDocument/2006/relationships/slideLayout" Target="../slideLayouts/slideLayout281.xml"/><Relationship Id="rId10" Type="http://schemas.openxmlformats.org/officeDocument/2006/relationships/slideLayout" Target="../slideLayouts/slideLayout280.xml"/><Relationship Id="rId1" Type="http://schemas.openxmlformats.org/officeDocument/2006/relationships/slideLayout" Target="../slideLayouts/slideLayout27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 noProof="0" dirty="0"/>
          </a:p>
          <a:p>
            <a:pPr lvl="1"/>
            <a:r>
              <a:rPr lang="en-US" noProof="0" dirty="0"/>
              <a:t>Second level </a:t>
            </a:r>
            <a:endParaRPr lang="en-US" noProof="0" dirty="0"/>
          </a:p>
          <a:p>
            <a:pPr lvl="2"/>
            <a:r>
              <a:rPr lang="en-US" noProof="0" dirty="0"/>
              <a:t>Third level </a:t>
            </a:r>
            <a:endParaRPr lang="en-US" noProof="0" dirty="0"/>
          </a:p>
          <a:p>
            <a:pPr lvl="3"/>
            <a:r>
              <a:rPr lang="en-US" noProof="0" dirty="0"/>
              <a:t>Fourth level </a:t>
            </a:r>
            <a:endParaRPr lang="en-US" noProof="0" dirty="0"/>
          </a:p>
          <a:p>
            <a:pPr lvl="4"/>
            <a:r>
              <a:rPr lang="en-US" noProof="0" dirty="0"/>
              <a:t>Fifth level</a:t>
            </a:r>
            <a:endParaRPr lang="en-US" noProof="0" dirty="0"/>
          </a:p>
          <a:p>
            <a:pPr lvl="5"/>
            <a:r>
              <a:rPr lang="en-US" noProof="0" dirty="0"/>
              <a:t>Sixth level</a:t>
            </a:r>
            <a:endParaRPr lang="en-US" noProof="0" dirty="0"/>
          </a:p>
          <a:p>
            <a:pPr lvl="6"/>
            <a:r>
              <a:rPr lang="en-US" noProof="0" dirty="0"/>
              <a:t>Seventh level</a:t>
            </a:r>
            <a:endParaRPr lang="en-US" noProof="0" dirty="0"/>
          </a:p>
          <a:p>
            <a:pPr lvl="7"/>
            <a:r>
              <a:rPr lang="en-US" noProof="0" dirty="0"/>
              <a:t>Eighth level</a:t>
            </a:r>
            <a:endParaRPr lang="en-US" noProof="0" dirty="0"/>
          </a:p>
          <a:p>
            <a:pPr lvl="8"/>
            <a:r>
              <a:rPr lang="en-US" noProof="0" dirty="0"/>
              <a:t>Ninth level</a:t>
            </a:r>
            <a:endParaRPr lang="en-US" noProof="0" dirty="0"/>
          </a:p>
        </p:txBody>
      </p:sp>
      <p:sp>
        <p:nvSpPr>
          <p:cNvPr id="61" name="Footer"/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+mn-lt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+mn-lt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  <p:sldLayoutId id="2147483661" r:id="rId13"/>
    <p:sldLayoutId id="2147483662" r:id="rId14"/>
    <p:sldLayoutId id="2147483663" r:id="rId15"/>
    <p:sldLayoutId id="2147483664" r:id="rId16"/>
    <p:sldLayoutId id="2147483665" r:id="rId17"/>
    <p:sldLayoutId id="2147483666" r:id="rId18"/>
    <p:sldLayoutId id="2147483667" r:id="rId19"/>
    <p:sldLayoutId id="2147483668" r:id="rId20"/>
    <p:sldLayoutId id="2147483669" r:id="rId21"/>
    <p:sldLayoutId id="2147483670" r:id="rId22"/>
    <p:sldLayoutId id="2147483671" r:id="rId23"/>
    <p:sldLayoutId id="2147483672" r:id="rId24"/>
    <p:sldLayoutId id="2147483673" r:id="rId25"/>
    <p:sldLayoutId id="2147483674" r:id="rId26"/>
    <p:sldLayoutId id="2147483675" r:id="rId27"/>
    <p:sldLayoutId id="2147483676" r:id="rId28"/>
    <p:sldLayoutId id="2147483677" r:id="rId29"/>
    <p:sldLayoutId id="2147483678" r:id="rId30"/>
    <p:sldLayoutId id="2147483679" r:id="rId31"/>
    <p:sldLayoutId id="2147483680" r:id="rId32"/>
    <p:sldLayoutId id="2147483681" r:id="rId33"/>
    <p:sldLayoutId id="2147483682" r:id="rId34"/>
    <p:sldLayoutId id="2147483683" r:id="rId35"/>
    <p:sldLayoutId id="2147483684" r:id="rId36"/>
    <p:sldLayoutId id="2147483685" r:id="rId37"/>
    <p:sldLayoutId id="2147483686" r:id="rId38"/>
    <p:sldLayoutId id="2147483687" r:id="rId39"/>
    <p:sldLayoutId id="2147483688" r:id="rId40"/>
    <p:sldLayoutId id="2147483689" r:id="rId41"/>
    <p:sldLayoutId id="2147483690" r:id="rId42"/>
    <p:sldLayoutId id="2147483691" r:id="rId43"/>
    <p:sldLayoutId id="2147483692" r:id="rId44"/>
    <p:sldLayoutId id="2147483693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+mn-lt"/>
          <a:ea typeface="+mn-ea"/>
          <a:cs typeface="adidasFG" pitchFamily="34" charset="0"/>
        </a:defRPr>
      </a:lvl1pPr>
      <a:lvl2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anose="05000000000000000000" pitchFamily="2" charset="2"/>
        <a:buChar char="§"/>
        <a:defRPr sz="800" kern="1200" cap="none" spc="0" baseline="0">
          <a:solidFill>
            <a:schemeClr val="tx1"/>
          </a:solidFill>
          <a:latin typeface="+mn-lt"/>
          <a:ea typeface="+mn-ea"/>
          <a:cs typeface="adidasFG" pitchFamily="34" charset="0"/>
        </a:defRPr>
      </a:lvl2pPr>
      <a:lvl3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+mn-lt"/>
          <a:ea typeface="+mn-ea"/>
          <a:cs typeface="adidasFG" pitchFamily="34" charset="0"/>
        </a:defRPr>
      </a:lvl3pPr>
      <a:lvl4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+mn-lt"/>
          <a:ea typeface="+mn-ea"/>
          <a:cs typeface="adidasFG" pitchFamily="34" charset="0"/>
        </a:defRPr>
      </a:lvl4pPr>
      <a:lvl5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89965" algn="l"/>
        </a:tabLst>
        <a:defRPr sz="800" kern="1200" spc="0">
          <a:solidFill>
            <a:schemeClr val="tx1"/>
          </a:solidFill>
          <a:latin typeface="+mn-lt"/>
          <a:ea typeface="+mn-ea"/>
          <a:cs typeface="adidasFG" pitchFamily="34" charset="0"/>
        </a:defRPr>
      </a:lvl5pPr>
      <a:lvl6pPr marL="0" indent="0" algn="l" defTabSz="921385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lang="en-US" sz="1100" b="1" i="0" kern="1200" cap="all" spc="60" baseline="0" noProof="0" dirty="0">
          <a:solidFill>
            <a:schemeClr val="tx1"/>
          </a:solidFill>
          <a:latin typeface="+mj-lt"/>
          <a:ea typeface="+mn-ea"/>
          <a:cs typeface="adidasFG" pitchFamily="34" charset="0"/>
        </a:defRPr>
      </a:lvl6pPr>
      <a:lvl7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i="0" kern="1200" cap="none" spc="0" baseline="0">
          <a:solidFill>
            <a:schemeClr val="tx1"/>
          </a:solidFill>
          <a:latin typeface="+mn-lt"/>
          <a:ea typeface="+mn-ea"/>
          <a:cs typeface="adidasFG" pitchFamily="34" charset="0"/>
        </a:defRPr>
      </a:lvl7pPr>
      <a:lvl8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+mn-lt"/>
          <a:ea typeface="+mn-ea"/>
          <a:cs typeface="adidasFG" pitchFamily="34" charset="0"/>
        </a:defRPr>
      </a:lvl8pPr>
      <a:lvl9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+mn-lt"/>
          <a:ea typeface="+mn-ea"/>
          <a:cs typeface="adidasFG" pitchFamily="34" charset="0"/>
        </a:defRPr>
      </a:lvl9pPr>
    </p:bodyStyle>
    <p:otherStyle>
      <a:defPPr>
        <a:defRPr lang="en-US"/>
      </a:defPPr>
      <a:lvl1pPr marL="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1pPr>
      <a:lvl2pPr marL="46101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2pPr>
      <a:lvl3pPr marL="92138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3pPr>
      <a:lvl4pPr marL="138239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4pPr>
      <a:lvl5pPr marL="184277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5pPr>
      <a:lvl6pPr marL="230378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6pPr>
      <a:lvl7pPr marL="276415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7pPr>
      <a:lvl8pPr marL="322516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8pPr>
      <a:lvl9pPr marL="368617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 noProof="0" dirty="0"/>
          </a:p>
          <a:p>
            <a:pPr lvl="1"/>
            <a:r>
              <a:rPr lang="en-US" noProof="0" dirty="0"/>
              <a:t>Second level </a:t>
            </a:r>
            <a:endParaRPr lang="en-US" noProof="0" dirty="0"/>
          </a:p>
          <a:p>
            <a:pPr lvl="2"/>
            <a:r>
              <a:rPr lang="en-US" noProof="0" dirty="0"/>
              <a:t>Third level </a:t>
            </a:r>
            <a:endParaRPr lang="en-US" noProof="0" dirty="0"/>
          </a:p>
          <a:p>
            <a:pPr lvl="3"/>
            <a:r>
              <a:rPr lang="en-US" noProof="0" dirty="0"/>
              <a:t>Fourth level </a:t>
            </a:r>
            <a:endParaRPr lang="en-US" noProof="0" dirty="0"/>
          </a:p>
          <a:p>
            <a:pPr lvl="4"/>
            <a:r>
              <a:rPr lang="en-US" noProof="0" dirty="0"/>
              <a:t>Fifth level</a:t>
            </a:r>
            <a:endParaRPr lang="en-US" noProof="0" dirty="0"/>
          </a:p>
          <a:p>
            <a:pPr lvl="5"/>
            <a:r>
              <a:rPr lang="en-US" noProof="0" dirty="0"/>
              <a:t>Sixth level</a:t>
            </a:r>
            <a:endParaRPr lang="en-US" noProof="0" dirty="0"/>
          </a:p>
          <a:p>
            <a:pPr lvl="6"/>
            <a:r>
              <a:rPr lang="en-US" noProof="0" dirty="0"/>
              <a:t>Seventh level</a:t>
            </a:r>
            <a:endParaRPr lang="en-US" noProof="0" dirty="0"/>
          </a:p>
          <a:p>
            <a:pPr lvl="7"/>
            <a:r>
              <a:rPr lang="en-US" noProof="0" dirty="0"/>
              <a:t>Eighth level</a:t>
            </a:r>
            <a:endParaRPr lang="en-US" noProof="0" dirty="0"/>
          </a:p>
          <a:p>
            <a:pPr lvl="8"/>
            <a:r>
              <a:rPr lang="en-US" noProof="0" dirty="0"/>
              <a:t>Ninth level</a:t>
            </a:r>
            <a:endParaRPr lang="en-US" noProof="0" dirty="0"/>
          </a:p>
        </p:txBody>
      </p:sp>
      <p:sp>
        <p:nvSpPr>
          <p:cNvPr id="61" name="Footer"/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95" r:id="rId1"/>
    <p:sldLayoutId id="2147483696" r:id="rId2"/>
    <p:sldLayoutId id="2147483697" r:id="rId3"/>
    <p:sldLayoutId id="2147483698" r:id="rId4"/>
    <p:sldLayoutId id="2147483699" r:id="rId5"/>
    <p:sldLayoutId id="2147483700" r:id="rId6"/>
    <p:sldLayoutId id="2147483701" r:id="rId7"/>
    <p:sldLayoutId id="2147483702" r:id="rId8"/>
    <p:sldLayoutId id="2147483703" r:id="rId9"/>
    <p:sldLayoutId id="2147483704" r:id="rId10"/>
    <p:sldLayoutId id="2147483705" r:id="rId11"/>
    <p:sldLayoutId id="2147483706" r:id="rId12"/>
    <p:sldLayoutId id="2147483707" r:id="rId13"/>
    <p:sldLayoutId id="2147483708" r:id="rId14"/>
    <p:sldLayoutId id="2147483709" r:id="rId15"/>
    <p:sldLayoutId id="2147483710" r:id="rId16"/>
    <p:sldLayoutId id="2147483711" r:id="rId17"/>
    <p:sldLayoutId id="2147483712" r:id="rId18"/>
    <p:sldLayoutId id="2147483713" r:id="rId19"/>
    <p:sldLayoutId id="2147483714" r:id="rId20"/>
    <p:sldLayoutId id="2147483715" r:id="rId21"/>
    <p:sldLayoutId id="2147483716" r:id="rId22"/>
    <p:sldLayoutId id="2147483717" r:id="rId23"/>
    <p:sldLayoutId id="2147483718" r:id="rId24"/>
    <p:sldLayoutId id="2147483719" r:id="rId25"/>
    <p:sldLayoutId id="2147483720" r:id="rId26"/>
    <p:sldLayoutId id="2147483721" r:id="rId27"/>
    <p:sldLayoutId id="2147483722" r:id="rId28"/>
    <p:sldLayoutId id="2147483723" r:id="rId29"/>
    <p:sldLayoutId id="2147483724" r:id="rId30"/>
    <p:sldLayoutId id="2147483725" r:id="rId31"/>
    <p:sldLayoutId id="2147483726" r:id="rId32"/>
    <p:sldLayoutId id="2147483727" r:id="rId33"/>
    <p:sldLayoutId id="2147483728" r:id="rId34"/>
    <p:sldLayoutId id="2147483729" r:id="rId35"/>
    <p:sldLayoutId id="2147483730" r:id="rId36"/>
    <p:sldLayoutId id="2147483731" r:id="rId37"/>
    <p:sldLayoutId id="2147483732" r:id="rId38"/>
    <p:sldLayoutId id="2147483733" r:id="rId39"/>
    <p:sldLayoutId id="2147483734" r:id="rId40"/>
    <p:sldLayoutId id="2147483735" r:id="rId41"/>
    <p:sldLayoutId id="2147483736" r:id="rId42"/>
    <p:sldLayoutId id="2147483737" r:id="rId43"/>
    <p:sldLayoutId id="2147483738" r:id="rId44"/>
    <p:sldLayoutId id="2147483739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1pPr>
      <a:lvl2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anose="05000000000000000000" pitchFamily="2" charset="2"/>
        <a:buChar char="§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2pPr>
      <a:lvl3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3pPr>
      <a:lvl4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4pPr>
      <a:lvl5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89965" algn="l"/>
        </a:tabLst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5pPr>
      <a:lvl6pPr marL="0" indent="0" algn="l" defTabSz="921385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itchFamily="34" charset="0"/>
        </a:defRPr>
      </a:lvl6pPr>
      <a:lvl7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i="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7pPr>
      <a:lvl8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8pPr>
      <a:lvl9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9pPr>
    </p:bodyStyle>
    <p:otherStyle>
      <a:defPPr>
        <a:defRPr lang="en-US"/>
      </a:defPPr>
      <a:lvl1pPr marL="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1pPr>
      <a:lvl2pPr marL="46101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2pPr>
      <a:lvl3pPr marL="92138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3pPr>
      <a:lvl4pPr marL="138239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4pPr>
      <a:lvl5pPr marL="184277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5pPr>
      <a:lvl6pPr marL="230378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6pPr>
      <a:lvl7pPr marL="276415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7pPr>
      <a:lvl8pPr marL="322516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8pPr>
      <a:lvl9pPr marL="368617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 noProof="0" dirty="0"/>
          </a:p>
          <a:p>
            <a:pPr lvl="1"/>
            <a:r>
              <a:rPr lang="en-US" noProof="0" dirty="0"/>
              <a:t>Second level </a:t>
            </a:r>
            <a:endParaRPr lang="en-US" noProof="0" dirty="0"/>
          </a:p>
          <a:p>
            <a:pPr lvl="2"/>
            <a:r>
              <a:rPr lang="en-US" noProof="0" dirty="0"/>
              <a:t>Third level </a:t>
            </a:r>
            <a:endParaRPr lang="en-US" noProof="0" dirty="0"/>
          </a:p>
          <a:p>
            <a:pPr lvl="3"/>
            <a:r>
              <a:rPr lang="en-US" noProof="0" dirty="0"/>
              <a:t>Fourth level </a:t>
            </a:r>
            <a:endParaRPr lang="en-US" noProof="0" dirty="0"/>
          </a:p>
          <a:p>
            <a:pPr lvl="4"/>
            <a:r>
              <a:rPr lang="en-US" noProof="0" dirty="0"/>
              <a:t>Fifth level</a:t>
            </a:r>
            <a:endParaRPr lang="en-US" noProof="0" dirty="0"/>
          </a:p>
          <a:p>
            <a:pPr lvl="5"/>
            <a:r>
              <a:rPr lang="en-US" noProof="0" dirty="0"/>
              <a:t>Sixth level</a:t>
            </a:r>
            <a:endParaRPr lang="en-US" noProof="0" dirty="0"/>
          </a:p>
          <a:p>
            <a:pPr lvl="6"/>
            <a:r>
              <a:rPr lang="en-US" noProof="0" dirty="0"/>
              <a:t>Seventh level</a:t>
            </a:r>
            <a:endParaRPr lang="en-US" noProof="0" dirty="0"/>
          </a:p>
          <a:p>
            <a:pPr lvl="7"/>
            <a:r>
              <a:rPr lang="en-US" noProof="0" dirty="0"/>
              <a:t>Eighth level</a:t>
            </a:r>
            <a:endParaRPr lang="en-US" noProof="0" dirty="0"/>
          </a:p>
          <a:p>
            <a:pPr lvl="8"/>
            <a:r>
              <a:rPr lang="en-US" noProof="0" dirty="0"/>
              <a:t>Ninth level</a:t>
            </a:r>
            <a:endParaRPr lang="en-US" noProof="0" dirty="0"/>
          </a:p>
        </p:txBody>
      </p:sp>
      <p:sp>
        <p:nvSpPr>
          <p:cNvPr id="61" name="Footer"/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741" r:id="rId1"/>
    <p:sldLayoutId id="2147483742" r:id="rId2"/>
    <p:sldLayoutId id="2147483743" r:id="rId3"/>
    <p:sldLayoutId id="2147483744" r:id="rId4"/>
    <p:sldLayoutId id="2147483745" r:id="rId5"/>
    <p:sldLayoutId id="2147483746" r:id="rId6"/>
    <p:sldLayoutId id="2147483747" r:id="rId7"/>
    <p:sldLayoutId id="2147483748" r:id="rId8"/>
    <p:sldLayoutId id="2147483749" r:id="rId9"/>
    <p:sldLayoutId id="2147483750" r:id="rId10"/>
    <p:sldLayoutId id="2147483751" r:id="rId11"/>
    <p:sldLayoutId id="2147483752" r:id="rId12"/>
    <p:sldLayoutId id="2147483753" r:id="rId13"/>
    <p:sldLayoutId id="2147483754" r:id="rId14"/>
    <p:sldLayoutId id="2147483755" r:id="rId15"/>
    <p:sldLayoutId id="2147483756" r:id="rId16"/>
    <p:sldLayoutId id="2147483757" r:id="rId17"/>
    <p:sldLayoutId id="2147483758" r:id="rId18"/>
    <p:sldLayoutId id="2147483759" r:id="rId19"/>
    <p:sldLayoutId id="2147483760" r:id="rId20"/>
    <p:sldLayoutId id="2147483761" r:id="rId21"/>
    <p:sldLayoutId id="2147483762" r:id="rId22"/>
    <p:sldLayoutId id="2147483763" r:id="rId23"/>
    <p:sldLayoutId id="2147483764" r:id="rId24"/>
    <p:sldLayoutId id="2147483765" r:id="rId25"/>
    <p:sldLayoutId id="2147483766" r:id="rId26"/>
    <p:sldLayoutId id="2147483767" r:id="rId27"/>
    <p:sldLayoutId id="2147483768" r:id="rId28"/>
    <p:sldLayoutId id="2147483769" r:id="rId29"/>
    <p:sldLayoutId id="2147483770" r:id="rId30"/>
    <p:sldLayoutId id="2147483771" r:id="rId31"/>
    <p:sldLayoutId id="2147483772" r:id="rId32"/>
    <p:sldLayoutId id="2147483773" r:id="rId33"/>
    <p:sldLayoutId id="2147483774" r:id="rId34"/>
    <p:sldLayoutId id="2147483775" r:id="rId35"/>
    <p:sldLayoutId id="2147483776" r:id="rId36"/>
    <p:sldLayoutId id="2147483777" r:id="rId37"/>
    <p:sldLayoutId id="2147483778" r:id="rId38"/>
    <p:sldLayoutId id="2147483779" r:id="rId39"/>
    <p:sldLayoutId id="2147483780" r:id="rId40"/>
    <p:sldLayoutId id="2147483781" r:id="rId41"/>
    <p:sldLayoutId id="2147483782" r:id="rId42"/>
    <p:sldLayoutId id="2147483783" r:id="rId43"/>
    <p:sldLayoutId id="2147483784" r:id="rId44"/>
    <p:sldLayoutId id="2147483785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1pPr>
      <a:lvl2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anose="05000000000000000000" pitchFamily="2" charset="2"/>
        <a:buChar char="§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2pPr>
      <a:lvl3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3pPr>
      <a:lvl4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4pPr>
      <a:lvl5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89965" algn="l"/>
        </a:tabLst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5pPr>
      <a:lvl6pPr marL="0" indent="0" algn="l" defTabSz="921385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itchFamily="34" charset="0"/>
        </a:defRPr>
      </a:lvl6pPr>
      <a:lvl7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i="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7pPr>
      <a:lvl8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8pPr>
      <a:lvl9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9pPr>
    </p:bodyStyle>
    <p:otherStyle>
      <a:defPPr>
        <a:defRPr lang="en-US"/>
      </a:defPPr>
      <a:lvl1pPr marL="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1pPr>
      <a:lvl2pPr marL="46101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2pPr>
      <a:lvl3pPr marL="92138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3pPr>
      <a:lvl4pPr marL="138239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4pPr>
      <a:lvl5pPr marL="184277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5pPr>
      <a:lvl6pPr marL="230378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6pPr>
      <a:lvl7pPr marL="276415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7pPr>
      <a:lvl8pPr marL="322516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8pPr>
      <a:lvl9pPr marL="368617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 noProof="0" dirty="0"/>
          </a:p>
          <a:p>
            <a:pPr lvl="1"/>
            <a:r>
              <a:rPr lang="en-US" noProof="0" dirty="0"/>
              <a:t>Second level </a:t>
            </a:r>
            <a:endParaRPr lang="en-US" noProof="0" dirty="0"/>
          </a:p>
          <a:p>
            <a:pPr lvl="2"/>
            <a:r>
              <a:rPr lang="en-US" noProof="0" dirty="0"/>
              <a:t>Third level </a:t>
            </a:r>
            <a:endParaRPr lang="en-US" noProof="0" dirty="0"/>
          </a:p>
          <a:p>
            <a:pPr lvl="3"/>
            <a:r>
              <a:rPr lang="en-US" noProof="0" dirty="0"/>
              <a:t>Fourth level </a:t>
            </a:r>
            <a:endParaRPr lang="en-US" noProof="0" dirty="0"/>
          </a:p>
          <a:p>
            <a:pPr lvl="4"/>
            <a:r>
              <a:rPr lang="en-US" noProof="0" dirty="0"/>
              <a:t>Fifth level</a:t>
            </a:r>
            <a:endParaRPr lang="en-US" noProof="0" dirty="0"/>
          </a:p>
          <a:p>
            <a:pPr lvl="5"/>
            <a:r>
              <a:rPr lang="en-US" noProof="0" dirty="0"/>
              <a:t>Sixth level</a:t>
            </a:r>
            <a:endParaRPr lang="en-US" noProof="0" dirty="0"/>
          </a:p>
          <a:p>
            <a:pPr lvl="6"/>
            <a:r>
              <a:rPr lang="en-US" noProof="0" dirty="0"/>
              <a:t>Seventh level</a:t>
            </a:r>
            <a:endParaRPr lang="en-US" noProof="0" dirty="0"/>
          </a:p>
          <a:p>
            <a:pPr lvl="7"/>
            <a:r>
              <a:rPr lang="en-US" noProof="0" dirty="0"/>
              <a:t>Eighth level</a:t>
            </a:r>
            <a:endParaRPr lang="en-US" noProof="0" dirty="0"/>
          </a:p>
          <a:p>
            <a:pPr lvl="8"/>
            <a:r>
              <a:rPr lang="en-US" noProof="0" dirty="0"/>
              <a:t>Ninth level</a:t>
            </a:r>
            <a:endParaRPr lang="en-US" noProof="0" dirty="0"/>
          </a:p>
        </p:txBody>
      </p:sp>
      <p:sp>
        <p:nvSpPr>
          <p:cNvPr id="61" name="Footer"/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787" r:id="rId1"/>
    <p:sldLayoutId id="2147483788" r:id="rId2"/>
    <p:sldLayoutId id="2147483789" r:id="rId3"/>
    <p:sldLayoutId id="2147483790" r:id="rId4"/>
    <p:sldLayoutId id="2147483791" r:id="rId5"/>
    <p:sldLayoutId id="2147483792" r:id="rId6"/>
    <p:sldLayoutId id="2147483793" r:id="rId7"/>
    <p:sldLayoutId id="2147483794" r:id="rId8"/>
    <p:sldLayoutId id="2147483795" r:id="rId9"/>
    <p:sldLayoutId id="2147483796" r:id="rId10"/>
    <p:sldLayoutId id="2147483797" r:id="rId11"/>
    <p:sldLayoutId id="2147483798" r:id="rId12"/>
    <p:sldLayoutId id="2147483799" r:id="rId13"/>
    <p:sldLayoutId id="2147483800" r:id="rId14"/>
    <p:sldLayoutId id="2147483801" r:id="rId15"/>
    <p:sldLayoutId id="2147483802" r:id="rId16"/>
    <p:sldLayoutId id="2147483803" r:id="rId17"/>
    <p:sldLayoutId id="2147483804" r:id="rId18"/>
    <p:sldLayoutId id="2147483805" r:id="rId19"/>
    <p:sldLayoutId id="2147483806" r:id="rId20"/>
    <p:sldLayoutId id="2147483807" r:id="rId21"/>
    <p:sldLayoutId id="2147483808" r:id="rId22"/>
    <p:sldLayoutId id="2147483809" r:id="rId23"/>
    <p:sldLayoutId id="2147483810" r:id="rId24"/>
    <p:sldLayoutId id="2147483811" r:id="rId25"/>
    <p:sldLayoutId id="2147483812" r:id="rId26"/>
    <p:sldLayoutId id="2147483813" r:id="rId27"/>
    <p:sldLayoutId id="2147483814" r:id="rId28"/>
    <p:sldLayoutId id="2147483815" r:id="rId29"/>
    <p:sldLayoutId id="2147483816" r:id="rId30"/>
    <p:sldLayoutId id="2147483817" r:id="rId31"/>
    <p:sldLayoutId id="2147483818" r:id="rId32"/>
    <p:sldLayoutId id="2147483819" r:id="rId33"/>
    <p:sldLayoutId id="2147483820" r:id="rId34"/>
    <p:sldLayoutId id="2147483821" r:id="rId35"/>
    <p:sldLayoutId id="2147483822" r:id="rId36"/>
    <p:sldLayoutId id="2147483823" r:id="rId37"/>
    <p:sldLayoutId id="2147483824" r:id="rId38"/>
    <p:sldLayoutId id="2147483825" r:id="rId39"/>
    <p:sldLayoutId id="2147483826" r:id="rId40"/>
    <p:sldLayoutId id="2147483827" r:id="rId41"/>
    <p:sldLayoutId id="2147483828" r:id="rId42"/>
    <p:sldLayoutId id="2147483829" r:id="rId43"/>
    <p:sldLayoutId id="2147483830" r:id="rId44"/>
    <p:sldLayoutId id="2147483831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1pPr>
      <a:lvl2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anose="05000000000000000000" pitchFamily="2" charset="2"/>
        <a:buChar char="§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2pPr>
      <a:lvl3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3pPr>
      <a:lvl4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4pPr>
      <a:lvl5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89965" algn="l"/>
        </a:tabLst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5pPr>
      <a:lvl6pPr marL="0" indent="0" algn="l" defTabSz="921385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itchFamily="34" charset="0"/>
        </a:defRPr>
      </a:lvl6pPr>
      <a:lvl7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i="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7pPr>
      <a:lvl8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8pPr>
      <a:lvl9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9pPr>
    </p:bodyStyle>
    <p:otherStyle>
      <a:defPPr>
        <a:defRPr lang="en-US"/>
      </a:defPPr>
      <a:lvl1pPr marL="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1pPr>
      <a:lvl2pPr marL="46101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2pPr>
      <a:lvl3pPr marL="92138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3pPr>
      <a:lvl4pPr marL="138239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4pPr>
      <a:lvl5pPr marL="184277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5pPr>
      <a:lvl6pPr marL="230378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6pPr>
      <a:lvl7pPr marL="276415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7pPr>
      <a:lvl8pPr marL="322516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8pPr>
      <a:lvl9pPr marL="368617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 noProof="0" dirty="0"/>
          </a:p>
          <a:p>
            <a:pPr lvl="1"/>
            <a:r>
              <a:rPr lang="en-US" noProof="0" dirty="0"/>
              <a:t>Second level </a:t>
            </a:r>
            <a:endParaRPr lang="en-US" noProof="0" dirty="0"/>
          </a:p>
          <a:p>
            <a:pPr lvl="2"/>
            <a:r>
              <a:rPr lang="en-US" noProof="0" dirty="0"/>
              <a:t>Third level </a:t>
            </a:r>
            <a:endParaRPr lang="en-US" noProof="0" dirty="0"/>
          </a:p>
          <a:p>
            <a:pPr lvl="3"/>
            <a:r>
              <a:rPr lang="en-US" noProof="0" dirty="0"/>
              <a:t>Fourth level </a:t>
            </a:r>
            <a:endParaRPr lang="en-US" noProof="0" dirty="0"/>
          </a:p>
          <a:p>
            <a:pPr lvl="4"/>
            <a:r>
              <a:rPr lang="en-US" noProof="0" dirty="0"/>
              <a:t>Fifth level</a:t>
            </a:r>
            <a:endParaRPr lang="en-US" noProof="0" dirty="0"/>
          </a:p>
          <a:p>
            <a:pPr lvl="5"/>
            <a:r>
              <a:rPr lang="en-US" noProof="0" dirty="0"/>
              <a:t>Sixth level</a:t>
            </a:r>
            <a:endParaRPr lang="en-US" noProof="0" dirty="0"/>
          </a:p>
          <a:p>
            <a:pPr lvl="6"/>
            <a:r>
              <a:rPr lang="en-US" noProof="0" dirty="0"/>
              <a:t>Seventh level</a:t>
            </a:r>
            <a:endParaRPr lang="en-US" noProof="0" dirty="0"/>
          </a:p>
          <a:p>
            <a:pPr lvl="7"/>
            <a:r>
              <a:rPr lang="en-US" noProof="0" dirty="0"/>
              <a:t>Eighth level</a:t>
            </a:r>
            <a:endParaRPr lang="en-US" noProof="0" dirty="0"/>
          </a:p>
          <a:p>
            <a:pPr lvl="8"/>
            <a:r>
              <a:rPr lang="en-US" noProof="0" dirty="0"/>
              <a:t>Ninth level</a:t>
            </a:r>
            <a:endParaRPr lang="en-US" noProof="0" dirty="0"/>
          </a:p>
        </p:txBody>
      </p:sp>
      <p:sp>
        <p:nvSpPr>
          <p:cNvPr id="61" name="Footer"/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833" r:id="rId1"/>
    <p:sldLayoutId id="2147483834" r:id="rId2"/>
    <p:sldLayoutId id="2147483835" r:id="rId3"/>
    <p:sldLayoutId id="2147483836" r:id="rId4"/>
    <p:sldLayoutId id="2147483837" r:id="rId5"/>
    <p:sldLayoutId id="2147483838" r:id="rId6"/>
    <p:sldLayoutId id="2147483839" r:id="rId7"/>
    <p:sldLayoutId id="2147483840" r:id="rId8"/>
    <p:sldLayoutId id="2147483841" r:id="rId9"/>
    <p:sldLayoutId id="2147483842" r:id="rId10"/>
    <p:sldLayoutId id="2147483843" r:id="rId11"/>
    <p:sldLayoutId id="2147483844" r:id="rId12"/>
    <p:sldLayoutId id="2147483845" r:id="rId13"/>
    <p:sldLayoutId id="2147483846" r:id="rId14"/>
    <p:sldLayoutId id="2147483847" r:id="rId15"/>
    <p:sldLayoutId id="2147483848" r:id="rId16"/>
    <p:sldLayoutId id="2147483849" r:id="rId17"/>
    <p:sldLayoutId id="2147483850" r:id="rId18"/>
    <p:sldLayoutId id="2147483851" r:id="rId19"/>
    <p:sldLayoutId id="2147483852" r:id="rId20"/>
    <p:sldLayoutId id="2147483853" r:id="rId21"/>
    <p:sldLayoutId id="2147483854" r:id="rId22"/>
    <p:sldLayoutId id="2147483855" r:id="rId23"/>
    <p:sldLayoutId id="2147483856" r:id="rId24"/>
    <p:sldLayoutId id="2147483857" r:id="rId25"/>
    <p:sldLayoutId id="2147483858" r:id="rId26"/>
    <p:sldLayoutId id="2147483859" r:id="rId27"/>
    <p:sldLayoutId id="2147483860" r:id="rId28"/>
    <p:sldLayoutId id="2147483861" r:id="rId29"/>
    <p:sldLayoutId id="2147483862" r:id="rId30"/>
    <p:sldLayoutId id="2147483863" r:id="rId31"/>
    <p:sldLayoutId id="2147483864" r:id="rId32"/>
    <p:sldLayoutId id="2147483865" r:id="rId33"/>
    <p:sldLayoutId id="2147483866" r:id="rId34"/>
    <p:sldLayoutId id="2147483867" r:id="rId35"/>
    <p:sldLayoutId id="2147483868" r:id="rId36"/>
    <p:sldLayoutId id="2147483869" r:id="rId37"/>
    <p:sldLayoutId id="2147483870" r:id="rId38"/>
    <p:sldLayoutId id="2147483871" r:id="rId39"/>
    <p:sldLayoutId id="2147483872" r:id="rId40"/>
    <p:sldLayoutId id="2147483873" r:id="rId41"/>
    <p:sldLayoutId id="2147483874" r:id="rId42"/>
    <p:sldLayoutId id="2147483875" r:id="rId43"/>
    <p:sldLayoutId id="2147483876" r:id="rId44"/>
    <p:sldLayoutId id="2147483877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1pPr>
      <a:lvl2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anose="05000000000000000000" pitchFamily="2" charset="2"/>
        <a:buChar char="§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2pPr>
      <a:lvl3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3pPr>
      <a:lvl4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4pPr>
      <a:lvl5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89965" algn="l"/>
        </a:tabLst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5pPr>
      <a:lvl6pPr marL="0" indent="0" algn="l" defTabSz="921385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itchFamily="34" charset="0"/>
        </a:defRPr>
      </a:lvl6pPr>
      <a:lvl7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i="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7pPr>
      <a:lvl8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8pPr>
      <a:lvl9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9pPr>
    </p:bodyStyle>
    <p:otherStyle>
      <a:defPPr>
        <a:defRPr lang="en-US"/>
      </a:defPPr>
      <a:lvl1pPr marL="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1pPr>
      <a:lvl2pPr marL="46101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2pPr>
      <a:lvl3pPr marL="92138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3pPr>
      <a:lvl4pPr marL="138239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4pPr>
      <a:lvl5pPr marL="184277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5pPr>
      <a:lvl6pPr marL="230378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6pPr>
      <a:lvl7pPr marL="276415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7pPr>
      <a:lvl8pPr marL="322516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8pPr>
      <a:lvl9pPr marL="368617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 noProof="0" dirty="0"/>
          </a:p>
          <a:p>
            <a:pPr lvl="1"/>
            <a:r>
              <a:rPr lang="en-US" noProof="0" dirty="0"/>
              <a:t>Second level </a:t>
            </a:r>
            <a:endParaRPr lang="en-US" noProof="0" dirty="0"/>
          </a:p>
          <a:p>
            <a:pPr lvl="2"/>
            <a:r>
              <a:rPr lang="en-US" noProof="0" dirty="0"/>
              <a:t>Third level </a:t>
            </a:r>
            <a:endParaRPr lang="en-US" noProof="0" dirty="0"/>
          </a:p>
          <a:p>
            <a:pPr lvl="3"/>
            <a:r>
              <a:rPr lang="en-US" noProof="0" dirty="0"/>
              <a:t>Fourth level </a:t>
            </a:r>
            <a:endParaRPr lang="en-US" noProof="0" dirty="0"/>
          </a:p>
          <a:p>
            <a:pPr lvl="4"/>
            <a:r>
              <a:rPr lang="en-US" noProof="0" dirty="0"/>
              <a:t>Fifth level</a:t>
            </a:r>
            <a:endParaRPr lang="en-US" noProof="0" dirty="0"/>
          </a:p>
          <a:p>
            <a:pPr lvl="5"/>
            <a:r>
              <a:rPr lang="en-US" noProof="0" dirty="0"/>
              <a:t>Sixth level</a:t>
            </a:r>
            <a:endParaRPr lang="en-US" noProof="0" dirty="0"/>
          </a:p>
          <a:p>
            <a:pPr lvl="6"/>
            <a:r>
              <a:rPr lang="en-US" noProof="0" dirty="0"/>
              <a:t>Seventh level</a:t>
            </a:r>
            <a:endParaRPr lang="en-US" noProof="0" dirty="0"/>
          </a:p>
          <a:p>
            <a:pPr lvl="7"/>
            <a:r>
              <a:rPr lang="en-US" noProof="0" dirty="0"/>
              <a:t>Eighth level</a:t>
            </a:r>
            <a:endParaRPr lang="en-US" noProof="0" dirty="0"/>
          </a:p>
          <a:p>
            <a:pPr lvl="8"/>
            <a:r>
              <a:rPr lang="en-US" noProof="0" dirty="0"/>
              <a:t>Ninth level</a:t>
            </a:r>
            <a:endParaRPr lang="en-US" noProof="0" dirty="0"/>
          </a:p>
        </p:txBody>
      </p:sp>
      <p:sp>
        <p:nvSpPr>
          <p:cNvPr id="61" name="Footer"/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879" r:id="rId1"/>
    <p:sldLayoutId id="2147483880" r:id="rId2"/>
    <p:sldLayoutId id="2147483881" r:id="rId3"/>
    <p:sldLayoutId id="2147483882" r:id="rId4"/>
    <p:sldLayoutId id="2147483883" r:id="rId5"/>
    <p:sldLayoutId id="2147483884" r:id="rId6"/>
    <p:sldLayoutId id="2147483885" r:id="rId7"/>
    <p:sldLayoutId id="2147483886" r:id="rId8"/>
    <p:sldLayoutId id="2147483887" r:id="rId9"/>
    <p:sldLayoutId id="2147483888" r:id="rId10"/>
    <p:sldLayoutId id="2147483889" r:id="rId11"/>
    <p:sldLayoutId id="2147483890" r:id="rId12"/>
    <p:sldLayoutId id="2147483891" r:id="rId13"/>
    <p:sldLayoutId id="2147483892" r:id="rId14"/>
    <p:sldLayoutId id="2147483893" r:id="rId15"/>
    <p:sldLayoutId id="2147483894" r:id="rId16"/>
    <p:sldLayoutId id="2147483895" r:id="rId17"/>
    <p:sldLayoutId id="2147483896" r:id="rId18"/>
    <p:sldLayoutId id="2147483897" r:id="rId19"/>
    <p:sldLayoutId id="2147483898" r:id="rId20"/>
    <p:sldLayoutId id="2147483899" r:id="rId21"/>
    <p:sldLayoutId id="2147483900" r:id="rId22"/>
    <p:sldLayoutId id="2147483901" r:id="rId23"/>
    <p:sldLayoutId id="2147483902" r:id="rId24"/>
    <p:sldLayoutId id="2147483903" r:id="rId25"/>
    <p:sldLayoutId id="2147483904" r:id="rId26"/>
    <p:sldLayoutId id="2147483905" r:id="rId27"/>
    <p:sldLayoutId id="2147483906" r:id="rId28"/>
    <p:sldLayoutId id="2147483907" r:id="rId29"/>
    <p:sldLayoutId id="2147483908" r:id="rId30"/>
    <p:sldLayoutId id="2147483909" r:id="rId31"/>
    <p:sldLayoutId id="2147483910" r:id="rId32"/>
    <p:sldLayoutId id="2147483911" r:id="rId33"/>
    <p:sldLayoutId id="2147483912" r:id="rId34"/>
    <p:sldLayoutId id="2147483913" r:id="rId35"/>
    <p:sldLayoutId id="2147483914" r:id="rId36"/>
    <p:sldLayoutId id="2147483915" r:id="rId37"/>
    <p:sldLayoutId id="2147483916" r:id="rId38"/>
    <p:sldLayoutId id="2147483917" r:id="rId39"/>
    <p:sldLayoutId id="2147483918" r:id="rId40"/>
    <p:sldLayoutId id="2147483919" r:id="rId41"/>
    <p:sldLayoutId id="2147483920" r:id="rId42"/>
    <p:sldLayoutId id="2147483921" r:id="rId43"/>
    <p:sldLayoutId id="2147483922" r:id="rId44"/>
    <p:sldLayoutId id="2147483923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1pPr>
      <a:lvl2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anose="05000000000000000000" pitchFamily="2" charset="2"/>
        <a:buChar char="§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2pPr>
      <a:lvl3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3pPr>
      <a:lvl4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4pPr>
      <a:lvl5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89965" algn="l"/>
        </a:tabLst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5pPr>
      <a:lvl6pPr marL="0" indent="0" algn="l" defTabSz="921385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itchFamily="34" charset="0"/>
        </a:defRPr>
      </a:lvl6pPr>
      <a:lvl7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i="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7pPr>
      <a:lvl8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8pPr>
      <a:lvl9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9pPr>
    </p:bodyStyle>
    <p:otherStyle>
      <a:defPPr>
        <a:defRPr lang="en-US"/>
      </a:defPPr>
      <a:lvl1pPr marL="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1pPr>
      <a:lvl2pPr marL="46101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2pPr>
      <a:lvl3pPr marL="92138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3pPr>
      <a:lvl4pPr marL="138239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4pPr>
      <a:lvl5pPr marL="184277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5pPr>
      <a:lvl6pPr marL="230378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6pPr>
      <a:lvl7pPr marL="276415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7pPr>
      <a:lvl8pPr marL="322516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8pPr>
      <a:lvl9pPr marL="368617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7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1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Content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 noProof="0" dirty="0"/>
          </a:p>
          <a:p>
            <a:pPr lvl="1"/>
            <a:r>
              <a:rPr lang="en-US" noProof="0" dirty="0"/>
              <a:t>Second level </a:t>
            </a:r>
            <a:endParaRPr lang="en-US" noProof="0" dirty="0"/>
          </a:p>
          <a:p>
            <a:pPr lvl="2"/>
            <a:r>
              <a:rPr lang="en-US" noProof="0" dirty="0"/>
              <a:t>Third level </a:t>
            </a:r>
            <a:endParaRPr lang="en-US" noProof="0" dirty="0"/>
          </a:p>
          <a:p>
            <a:pPr lvl="3"/>
            <a:r>
              <a:rPr lang="en-US" noProof="0" dirty="0"/>
              <a:t>Fourth level </a:t>
            </a:r>
            <a:endParaRPr lang="en-US" noProof="0" dirty="0"/>
          </a:p>
          <a:p>
            <a:pPr lvl="4"/>
            <a:r>
              <a:rPr lang="en-US" noProof="0" dirty="0"/>
              <a:t>Fifth level</a:t>
            </a:r>
            <a:endParaRPr lang="en-US" noProof="0" dirty="0"/>
          </a:p>
          <a:p>
            <a:pPr lvl="5"/>
            <a:r>
              <a:rPr lang="en-US" noProof="0" dirty="0"/>
              <a:t>Sixth level</a:t>
            </a:r>
            <a:endParaRPr lang="en-US" noProof="0" dirty="0"/>
          </a:p>
          <a:p>
            <a:pPr lvl="6"/>
            <a:r>
              <a:rPr lang="en-US" noProof="0" dirty="0"/>
              <a:t>Seventh level</a:t>
            </a:r>
            <a:endParaRPr lang="en-US" noProof="0" dirty="0"/>
          </a:p>
          <a:p>
            <a:pPr lvl="7"/>
            <a:r>
              <a:rPr lang="en-US" noProof="0" dirty="0"/>
              <a:t>Eighth level</a:t>
            </a:r>
            <a:endParaRPr lang="en-US" noProof="0" dirty="0"/>
          </a:p>
          <a:p>
            <a:pPr lvl="8"/>
            <a:r>
              <a:rPr lang="en-US" noProof="0" dirty="0"/>
              <a:t>Ninth level</a:t>
            </a:r>
            <a:endParaRPr lang="en-US" noProof="0" dirty="0"/>
          </a:p>
        </p:txBody>
      </p:sp>
      <p:sp>
        <p:nvSpPr>
          <p:cNvPr id="61" name="Footer"/>
          <p:cNvSpPr>
            <a:spLocks noGrp="1"/>
          </p:cNvSpPr>
          <p:nvPr>
            <p:ph type="ftr" sz="quarter" idx="3"/>
          </p:nvPr>
        </p:nvSpPr>
        <p:spPr bwMode="gray">
          <a:xfrm rot="16200000">
            <a:off x="7343010" y="2448746"/>
            <a:ext cx="3457574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10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r>
              <a:rPr lang="en-US" dirty="0"/>
              <a:t>Adidas AG</a:t>
            </a:r>
            <a:endParaRPr lang="en-US" dirty="0"/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 bwMode="gray">
          <a:xfrm>
            <a:off x="8928100" y="4897438"/>
            <a:ext cx="288131" cy="287336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ctr" defTabSz="921385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defRPr sz="500" b="0" i="0" cap="all" spc="30" baseline="0">
                <a:solidFill>
                  <a:schemeClr val="tx2"/>
                </a:solidFill>
                <a:latin typeface="adidasFG" pitchFamily="34" charset="0"/>
                <a:ea typeface="adidasFG Compressed" panose="020B0508030503020204" pitchFamily="34" charset="0"/>
                <a:cs typeface="adidasFG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25" r:id="rId1"/>
    <p:sldLayoutId id="2147483926" r:id="rId2"/>
    <p:sldLayoutId id="2147483927" r:id="rId3"/>
    <p:sldLayoutId id="2147483928" r:id="rId4"/>
    <p:sldLayoutId id="2147483929" r:id="rId5"/>
    <p:sldLayoutId id="2147483930" r:id="rId6"/>
    <p:sldLayoutId id="2147483931" r:id="rId7"/>
    <p:sldLayoutId id="2147483932" r:id="rId8"/>
    <p:sldLayoutId id="2147483933" r:id="rId9"/>
    <p:sldLayoutId id="2147483934" r:id="rId10"/>
    <p:sldLayoutId id="2147483935" r:id="rId11"/>
    <p:sldLayoutId id="2147483936" r:id="rId12"/>
    <p:sldLayoutId id="2147483937" r:id="rId13"/>
    <p:sldLayoutId id="2147483938" r:id="rId14"/>
    <p:sldLayoutId id="2147483939" r:id="rId15"/>
    <p:sldLayoutId id="2147483940" r:id="rId16"/>
    <p:sldLayoutId id="2147483941" r:id="rId17"/>
    <p:sldLayoutId id="2147483942" r:id="rId18"/>
    <p:sldLayoutId id="2147483943" r:id="rId19"/>
    <p:sldLayoutId id="2147483944" r:id="rId20"/>
    <p:sldLayoutId id="2147483945" r:id="rId21"/>
    <p:sldLayoutId id="2147483946" r:id="rId22"/>
    <p:sldLayoutId id="2147483947" r:id="rId23"/>
    <p:sldLayoutId id="2147483948" r:id="rId24"/>
    <p:sldLayoutId id="2147483949" r:id="rId25"/>
    <p:sldLayoutId id="2147483950" r:id="rId26"/>
    <p:sldLayoutId id="2147483951" r:id="rId27"/>
    <p:sldLayoutId id="2147483952" r:id="rId28"/>
    <p:sldLayoutId id="2147483953" r:id="rId29"/>
    <p:sldLayoutId id="2147483954" r:id="rId30"/>
    <p:sldLayoutId id="2147483955" r:id="rId31"/>
    <p:sldLayoutId id="2147483956" r:id="rId32"/>
    <p:sldLayoutId id="2147483957" r:id="rId33"/>
    <p:sldLayoutId id="2147483958" r:id="rId34"/>
    <p:sldLayoutId id="2147483959" r:id="rId35"/>
    <p:sldLayoutId id="2147483960" r:id="rId36"/>
    <p:sldLayoutId id="2147483961" r:id="rId37"/>
    <p:sldLayoutId id="2147483962" r:id="rId38"/>
    <p:sldLayoutId id="2147483963" r:id="rId39"/>
    <p:sldLayoutId id="2147483964" r:id="rId40"/>
    <p:sldLayoutId id="2147483965" r:id="rId41"/>
    <p:sldLayoutId id="2147483966" r:id="rId42"/>
    <p:sldLayoutId id="2147483967" r:id="rId43"/>
    <p:sldLayoutId id="2147483968" r:id="rId44"/>
    <p:sldLayoutId id="2147483969" r:id="rId45"/>
  </p:sldLayoutIdLst>
  <p:hf hdr="0" dt="0"/>
  <p:txStyles>
    <p:titleStyle>
      <a:lvl1pPr algn="l" rtl="0" eaLnBrk="1" fontAlgn="base" hangingPunct="1">
        <a:lnSpc>
          <a:spcPct val="80000"/>
        </a:lnSpc>
        <a:spcBef>
          <a:spcPct val="0"/>
        </a:spcBef>
        <a:spcAft>
          <a:spcPct val="0"/>
        </a:spcAft>
        <a:defRPr sz="1600" b="1" i="0" kern="1200" cap="all" spc="160" baseline="0">
          <a:solidFill>
            <a:schemeClr val="tx1"/>
          </a:solidFill>
          <a:latin typeface="adidasFG Compressed" panose="020B0508030503020204" pitchFamily="34" charset="0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adidasFG" pitchFamily="34" charset="0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1pPr>
      <a:lvl2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Wingdings" panose="05000000000000000000" pitchFamily="2" charset="2"/>
        <a:buChar char="§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2pPr>
      <a:lvl3pPr marL="144145" indent="-144145" algn="l" rtl="0" eaLnBrk="1" fontAlgn="base" hangingPunct="1">
        <a:lnSpc>
          <a:spcPct val="100000"/>
        </a:lnSpc>
        <a:spcBef>
          <a:spcPts val="300"/>
        </a:spcBef>
        <a:spcAft>
          <a:spcPts val="300"/>
        </a:spcAft>
        <a:buSzPct val="90000"/>
        <a:buFont typeface="+mj-lt"/>
        <a:buAutoNum type="arabicPeriod"/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3pPr>
      <a:lvl4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adidasFG Compressed" panose="020B0508030503020204" pitchFamily="34" charset="0"/>
        <a:buChar char="–"/>
        <a:defRPr sz="80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4pPr>
      <a:lvl5pPr marL="288290" indent="-144145" algn="l" rtl="0" eaLnBrk="1" fontAlgn="base" hangingPunct="1">
        <a:lnSpc>
          <a:spcPct val="100000"/>
        </a:lnSpc>
        <a:spcBef>
          <a:spcPts val="0"/>
        </a:spcBef>
        <a:spcAft>
          <a:spcPts val="300"/>
        </a:spcAft>
        <a:buSzPct val="90000"/>
        <a:buFont typeface="+mj-lt"/>
        <a:buAutoNum type="alphaLcPeriod"/>
        <a:tabLst>
          <a:tab pos="989965" algn="l"/>
        </a:tabLst>
        <a:defRPr sz="80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5pPr>
      <a:lvl6pPr marL="0" indent="0" algn="l" defTabSz="921385" rtl="0" eaLnBrk="1" latinLnBrk="0" hangingPunct="1">
        <a:lnSpc>
          <a:spcPct val="80000"/>
        </a:lnSpc>
        <a:spcBef>
          <a:spcPts val="9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lang="en-US" sz="1100" b="1" i="0" kern="1200" cap="all" spc="60" baseline="0" noProof="0" dirty="0">
          <a:solidFill>
            <a:schemeClr val="tx1"/>
          </a:solidFill>
          <a:latin typeface="adidasFG Compressed" panose="020B0508030503020204" pitchFamily="34" charset="0"/>
          <a:ea typeface="+mn-ea"/>
          <a:cs typeface="adidasFG" pitchFamily="34" charset="0"/>
        </a:defRPr>
      </a:lvl6pPr>
      <a:lvl7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i="0" kern="1200" cap="none" spc="0" baseline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7pPr>
      <a:lvl8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8pPr>
      <a:lvl9pPr marL="0" indent="0" algn="l" defTabSz="921385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ClrTx/>
        <a:buSzPct val="90000"/>
        <a:buFont typeface="Wingdings" panose="05000000000000000000" pitchFamily="2" charset="2"/>
        <a:buNone/>
        <a:tabLst>
          <a:tab pos="989965" algn="l"/>
        </a:tabLst>
        <a:defRPr sz="600" b="0" kern="1200" spc="0">
          <a:solidFill>
            <a:schemeClr val="tx1"/>
          </a:solidFill>
          <a:latin typeface="adidasFG" pitchFamily="34" charset="0"/>
          <a:ea typeface="+mn-ea"/>
          <a:cs typeface="adidasFG" pitchFamily="34" charset="0"/>
        </a:defRPr>
      </a:lvl9pPr>
    </p:bodyStyle>
    <p:otherStyle>
      <a:defPPr>
        <a:defRPr lang="en-US"/>
      </a:defPPr>
      <a:lvl1pPr marL="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1pPr>
      <a:lvl2pPr marL="46101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2pPr>
      <a:lvl3pPr marL="92138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3pPr>
      <a:lvl4pPr marL="138239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4pPr>
      <a:lvl5pPr marL="184277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5pPr>
      <a:lvl6pPr marL="2303780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6pPr>
      <a:lvl7pPr marL="276415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7pPr>
      <a:lvl8pPr marL="322516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8pPr>
      <a:lvl9pPr marL="3686175" algn="l" defTabSz="921385" rtl="0" eaLnBrk="1" latinLnBrk="0" hangingPunct="1">
        <a:defRPr sz="183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4.xml"/></Relationships>
</file>

<file path=ppt/slides/_rels/slide11.xml.rels><?xml version="1.0" encoding="UTF-8" standalone="yes"?>
<Relationships xmlns="http://schemas.openxmlformats.org/package/2006/relationships"><Relationship Id="rId5" Type="http://schemas.openxmlformats.org/officeDocument/2006/relationships/notesSlide" Target="../notesSlides/notesSlide10.xml"/><Relationship Id="rId4" Type="http://schemas.openxmlformats.org/officeDocument/2006/relationships/slideLayout" Target="../slideLayouts/slideLayout37.xml"/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image" Target="../media/image4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7.xml"/><Relationship Id="rId2" Type="http://schemas.openxmlformats.org/officeDocument/2006/relationships/image" Target="../media/image8.png"/><Relationship Id="rId1" Type="http://schemas.openxmlformats.org/officeDocument/2006/relationships/image" Target="../media/image7.pn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24.xml"/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image" Target="../media/image1.png"/></Relationships>
</file>

<file path=ppt/slides/_rels/slide5.xml.rels><?xml version="1.0" encoding="UTF-8" standalone="yes"?>
<Relationships xmlns="http://schemas.openxmlformats.org/package/2006/relationships"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24.xml"/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image" Target="../media/image1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commendation System</a:t>
            </a: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10" name="Subtitle 9"/>
          <p:cNvSpPr>
            <a:spLocks noGrp="1"/>
          </p:cNvSpPr>
          <p:nvPr>
            <p:ph type="subTitle" idx="1"/>
          </p:nvPr>
        </p:nvSpPr>
        <p:spPr>
          <a:xfrm>
            <a:off x="3167063" y="2880125"/>
            <a:ext cx="2881312" cy="288326"/>
          </a:xfrm>
        </p:spPr>
        <p:txBody>
          <a:bodyPr/>
          <a:lstStyle/>
          <a:p>
            <a:r>
              <a:rPr lang="en-US" dirty="0"/>
              <a:t>Based on Two-Tower Neural Network Model</a:t>
            </a:r>
            <a:endParaRPr lang="en-US" dirty="0"/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/>
          <p:cNvSpPr>
            <a:spLocks noGrp="1"/>
          </p:cNvSpPr>
          <p:nvPr>
            <p:ph type="body" sz="quarter" idx="35"/>
          </p:nvPr>
        </p:nvSpPr>
        <p:spPr>
          <a:xfrm>
            <a:off x="215900" y="1080135"/>
            <a:ext cx="8293100" cy="3456305"/>
          </a:xfrm>
        </p:spPr>
        <p:txBody>
          <a:bodyPr/>
          <a:lstStyle/>
          <a:p>
            <a:pPr marL="0" lvl="5"/>
            <a:r>
              <a:rPr altLang="en-IN" cap="none">
                <a:sym typeface="+mn-ea"/>
              </a:rPr>
              <a:t>How to Run (local):</a:t>
            </a:r>
            <a:br>
              <a:rPr altLang="en-IN" cap="none">
                <a:sym typeface="+mn-ea"/>
              </a:rPr>
            </a:br>
            <a:r>
              <a:rPr altLang="en-IN" cap="none">
                <a:sym typeface="+mn-ea"/>
              </a:rPr>
              <a:t>	</a:t>
            </a:r>
            <a:r>
              <a:rPr altLang="en-IN" b="0" cap="none">
                <a:solidFill>
                  <a:srgbClr val="00B050"/>
                </a:solidFill>
                <a:sym typeface="+mn-ea"/>
              </a:rPr>
              <a:t>pre-commit install</a:t>
            </a:r>
            <a:endParaRPr altLang="en-IN" b="0" cap="none">
              <a:solidFill>
                <a:srgbClr val="00B050"/>
              </a:solidFill>
              <a:sym typeface="+mn-ea"/>
            </a:endParaRPr>
          </a:p>
          <a:p>
            <a:pPr marL="0" lvl="5"/>
            <a:endParaRPr altLang="en-IN" b="0" cap="none">
              <a:solidFill>
                <a:srgbClr val="00B050"/>
              </a:solidFill>
              <a:sym typeface="+mn-ea"/>
            </a:endParaRPr>
          </a:p>
          <a:p>
            <a:pPr lvl="5"/>
            <a:r>
              <a:rPr altLang="en-IN" cap="none" dirty="0"/>
              <a:t>Jenkins</a:t>
            </a:r>
            <a:endParaRPr altLang="en-IN" cap="none" dirty="0"/>
          </a:p>
          <a:p>
            <a:pPr lvl="5"/>
            <a:endParaRPr lang="en-IN" altLang="en-IN" cap="none" dirty="0"/>
          </a:p>
          <a:p>
            <a:pPr lvl="5"/>
            <a:endParaRPr lang="en-IN" altLang="en-IN" cap="none" dirty="0"/>
          </a:p>
          <a:p>
            <a:pPr lvl="5"/>
            <a:r>
              <a:rPr altLang="en-IN" cap="none" dirty="0"/>
              <a:t>AWS Sagemaker:</a:t>
            </a:r>
            <a:endParaRPr altLang="en-IN" cap="none" dirty="0"/>
          </a:p>
          <a:p>
            <a:pPr lvl="5"/>
            <a:endParaRPr lang="en-IN" altLang="en-IN" cap="none" dirty="0"/>
          </a:p>
          <a:p>
            <a:pPr lvl="5"/>
            <a:endParaRPr lang="en-IN" altLang="en-IN" cap="none" dirty="0"/>
          </a:p>
          <a:p>
            <a:pPr lvl="5"/>
            <a:r>
              <a:rPr altLang="en-IN" cap="none" dirty="0"/>
              <a:t>Docker:</a:t>
            </a:r>
            <a:endParaRPr lang="en-IN" cap="none" dirty="0"/>
          </a:p>
          <a:p>
            <a:pPr lvl="5"/>
            <a:endParaRPr lang="en-IN" cap="none" dirty="0"/>
          </a:p>
          <a:p>
            <a:pPr lvl="5"/>
            <a:endParaRPr lang="en-IN" cap="none" dirty="0"/>
          </a:p>
          <a:p>
            <a:pPr lvl="5"/>
            <a:r>
              <a:rPr altLang="en-IN" cap="none" dirty="0"/>
              <a:t>Terraform:</a:t>
            </a:r>
            <a:endParaRPr lang="en-IN" cap="none" dirty="0"/>
          </a:p>
          <a:p>
            <a:pPr lvl="5"/>
            <a:endParaRPr lang="en-IN" cap="none" dirty="0"/>
          </a:p>
        </p:txBody>
      </p:sp>
      <p:sp>
        <p:nvSpPr>
          <p:cNvPr id="6" name="Text Placeholder 5"/>
          <p:cNvSpPr>
            <a:spLocks noGrp="1"/>
          </p:cNvSpPr>
          <p:nvPr>
            <p:ph type="subTitle" idx="1"/>
          </p:nvPr>
        </p:nvSpPr>
        <p:spPr>
          <a:xfrm>
            <a:off x="287655" y="483235"/>
            <a:ext cx="4526915" cy="215900"/>
          </a:xfrm>
        </p:spPr>
        <p:txBody>
          <a:bodyPr/>
          <a:lstStyle/>
          <a:p>
            <a:r>
              <a:rPr lang="en-US" dirty="0"/>
              <a:t>How will do it do?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EPLOYMENT</a:t>
            </a: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1"/>
          <a:stretch>
            <a:fillRect/>
          </a:stretch>
        </p:blipFill>
        <p:spPr>
          <a:xfrm>
            <a:off x="4837627" y="96234"/>
            <a:ext cx="3975185" cy="2323911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487" y="1235391"/>
            <a:ext cx="4655796" cy="3662047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766480" y="2601645"/>
            <a:ext cx="4117480" cy="2520014"/>
          </a:xfrm>
          <a:prstGeom prst="rect">
            <a:avLst/>
          </a:prstGeom>
        </p:spPr>
      </p:pic>
      <p:sp>
        <p:nvSpPr>
          <p:cNvPr id="13" name="TextBox 12"/>
          <p:cNvSpPr txBox="1"/>
          <p:nvPr/>
        </p:nvSpPr>
        <p:spPr bwMode="gray">
          <a:xfrm>
            <a:off x="89510" y="72107"/>
            <a:ext cx="4655795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IN" b="1" dirty="0"/>
              <a:t>Screenshots from the </a:t>
            </a:r>
            <a:r>
              <a:rPr lang="en-IN" b="1" dirty="0" err="1"/>
              <a:t>MLflow</a:t>
            </a:r>
            <a:r>
              <a:rPr lang="en-IN" b="1" dirty="0"/>
              <a:t> UI</a:t>
            </a:r>
            <a:br>
              <a:rPr lang="en-IN" dirty="0"/>
            </a:br>
            <a:r>
              <a:rPr lang="en-IN" sz="1400" dirty="0"/>
              <a:t>Displaying the 0th trial details, hyperparameter configurations, training and validation loss curves, and the complete list of trials.</a:t>
            </a:r>
            <a:endParaRPr lang="en-US" dirty="0"/>
          </a:p>
        </p:txBody>
      </p:sp>
    </p:spTree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215231" y="143895"/>
            <a:ext cx="3168650" cy="288981"/>
          </a:xfrm>
        </p:spPr>
        <p:txBody>
          <a:bodyPr/>
          <a:lstStyle/>
          <a:p>
            <a:r>
              <a:rPr lang="en-US" dirty="0"/>
              <a:t>Real Time Inferencing as API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1"/>
          <a:stretch>
            <a:fillRect/>
          </a:stretch>
        </p:blipFill>
        <p:spPr>
          <a:xfrm>
            <a:off x="71215" y="485264"/>
            <a:ext cx="4851497" cy="2827204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607719" y="2105093"/>
            <a:ext cx="4318372" cy="2935787"/>
          </a:xfrm>
          <a:prstGeom prst="rect">
            <a:avLst/>
          </a:prstGeom>
        </p:spPr>
      </p:pic>
    </p:spTree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Thank you</a:t>
            </a: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r>
              <a:rPr lang="en-US" dirty="0"/>
              <a:t>Problem Statement </a:t>
            </a:r>
            <a:endParaRPr lang="en-US" dirty="0"/>
          </a:p>
          <a:p>
            <a:r>
              <a:rPr lang="en-US" dirty="0"/>
              <a:t>Business Problem</a:t>
            </a:r>
            <a:endParaRPr lang="en-US" dirty="0"/>
          </a:p>
          <a:p>
            <a:r>
              <a:rPr lang="en-US" dirty="0"/>
              <a:t>Preprocessing</a:t>
            </a:r>
            <a:endParaRPr lang="en-US" dirty="0"/>
          </a:p>
          <a:p>
            <a:r>
              <a:rPr lang="en-US" dirty="0"/>
              <a:t>Model Training</a:t>
            </a:r>
            <a:endParaRPr lang="en-US" dirty="0"/>
          </a:p>
          <a:p>
            <a:r>
              <a:rPr lang="en-US" dirty="0"/>
              <a:t>Post Processing</a:t>
            </a:r>
            <a:endParaRPr lang="en-US" dirty="0"/>
          </a:p>
          <a:p>
            <a:r>
              <a:rPr lang="en-US" dirty="0"/>
              <a:t>EVALUATION MeTRICS</a:t>
            </a:r>
            <a:endParaRPr lang="en-US" dirty="0"/>
          </a:p>
          <a:p>
            <a:r>
              <a:rPr lang="en-US" dirty="0"/>
              <a:t>Deployment</a:t>
            </a:r>
            <a:endParaRPr lang="en-US" dirty="0"/>
          </a:p>
        </p:txBody>
      </p:sp>
      <p:sp>
        <p:nvSpPr>
          <p:cNvPr id="2" name="Footer Placeholder 1"/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US" dirty="0"/>
              <a:t>Yash Gupta | Data Scientist | Adidas</a:t>
            </a:r>
            <a:endParaRPr lang="en-US" dirty="0"/>
          </a:p>
        </p:txBody>
      </p: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11" descr="A diagram of two people with a question mark&#10;&#10;AI-generated content may be incorrect."/>
          <p:cNvPicPr>
            <a:picLocks noGrp="1" noChangeAspect="1"/>
          </p:cNvPicPr>
          <p:nvPr>
            <p:ph type="pic" sz="quarter" idx="18"/>
          </p:nvPr>
        </p:nvPicPr>
        <p:blipFill>
          <a:blip r:embed="rId1"/>
          <a:srcRect l="309" r="309"/>
          <a:stretch>
            <a:fillRect/>
          </a:stretch>
        </p:blipFill>
        <p:spPr/>
      </p:pic>
      <p:pic>
        <p:nvPicPr>
          <p:cNvPr id="16" name="Picture Placeholder 15" descr="A diagram of two people&#10;&#10;AI-generated content may be incorrect."/>
          <p:cNvPicPr>
            <a:picLocks noGrp="1" noChangeAspect="1"/>
          </p:cNvPicPr>
          <p:nvPr>
            <p:ph type="pic" sz="quarter" idx="23"/>
          </p:nvPr>
        </p:nvPicPr>
        <p:blipFill>
          <a:blip r:embed="rId2"/>
          <a:stretch>
            <a:fillRect/>
          </a:stretch>
        </p:blipFill>
        <p:spPr>
          <a:xfrm>
            <a:off x="6701652" y="206525"/>
            <a:ext cx="2185617" cy="4865099"/>
          </a:xfrm>
        </p:spPr>
      </p:pic>
      <p:sp>
        <p:nvSpPr>
          <p:cNvPr id="17" name="Text Placeholder 16"/>
          <p:cNvSpPr>
            <a:spLocks noGrp="1"/>
          </p:cNvSpPr>
          <p:nvPr>
            <p:ph type="body" sz="quarter" idx="35"/>
          </p:nvPr>
        </p:nvSpPr>
        <p:spPr>
          <a:xfrm>
            <a:off x="287734" y="1080219"/>
            <a:ext cx="3744516" cy="3456258"/>
          </a:xfrm>
        </p:spPr>
        <p:txBody>
          <a:bodyPr/>
          <a:lstStyle/>
          <a:p>
            <a:pPr lvl="5"/>
            <a:r>
              <a:rPr lang="en-IN" dirty="0"/>
              <a:t>Objective</a:t>
            </a:r>
            <a:r>
              <a:rPr lang="en-IN" b="0" dirty="0"/>
              <a:t>: </a:t>
            </a:r>
            <a:r>
              <a:rPr lang="en-IN" b="0" cap="none" dirty="0"/>
              <a:t>Build A Personalized Recommendation System That Connects Users To The Most Relevant Content Using Behavioural And Contextual Data.</a:t>
            </a:r>
            <a:endParaRPr lang="en-IN" b="0" cap="none" dirty="0"/>
          </a:p>
          <a:p>
            <a:pPr lvl="5"/>
            <a:r>
              <a:rPr lang="en-IN" dirty="0"/>
              <a:t>Goal</a:t>
            </a:r>
            <a:r>
              <a:rPr lang="en-IN" b="0" dirty="0"/>
              <a:t>: </a:t>
            </a:r>
            <a:r>
              <a:rPr lang="en-IN" b="0" cap="none" dirty="0"/>
              <a:t>Recommend The Top-k Items (e.g., News, Articles, Or Products) A User Is Most Likely To Engage With.</a:t>
            </a:r>
            <a:endParaRPr lang="en-IN" b="0" cap="none" dirty="0"/>
          </a:p>
          <a:p>
            <a:pPr lvl="5"/>
            <a:r>
              <a:rPr lang="en-IN" dirty="0"/>
              <a:t>Inputs</a:t>
            </a:r>
            <a:r>
              <a:rPr lang="en-IN" b="0" dirty="0"/>
              <a:t>: </a:t>
            </a:r>
            <a:r>
              <a:rPr lang="en-IN" b="0" cap="none" dirty="0"/>
              <a:t>User Metadata, App Activity, And Content Attributes.</a:t>
            </a:r>
            <a:endParaRPr lang="en-IN" b="0" cap="none" dirty="0"/>
          </a:p>
          <a:p>
            <a:pPr lvl="5"/>
            <a:r>
              <a:rPr lang="en-IN" dirty="0"/>
              <a:t>Outputs</a:t>
            </a:r>
            <a:r>
              <a:rPr lang="en-IN" b="0" dirty="0"/>
              <a:t>: </a:t>
            </a:r>
            <a:r>
              <a:rPr lang="en-IN" b="0" cap="none" dirty="0"/>
              <a:t>Ranked List Of Recommended Content For Each User.</a:t>
            </a:r>
            <a:endParaRPr lang="en-IN" b="0" cap="none" dirty="0"/>
          </a:p>
          <a:p>
            <a:pPr lvl="5"/>
            <a:endParaRPr lang="en-IN" b="0" cap="none" dirty="0"/>
          </a:p>
        </p:txBody>
      </p:sp>
      <p:sp>
        <p:nvSpPr>
          <p:cNvPr id="6" name="Text Placeholder 5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gain, What is it ?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BLEM STATEMENT</a:t>
            </a: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pic>
        <p:nvPicPr>
          <p:cNvPr id="23" name="Picture Placeholder 22" descr="A diagram of a hybrid recommendation&#10;&#10;AI-generated content may be incorrect."/>
          <p:cNvPicPr>
            <a:picLocks noGrp="1" noChangeAspect="1"/>
          </p:cNvPicPr>
          <p:nvPr>
            <p:ph type="pic" sz="quarter" idx="30"/>
          </p:nvPr>
        </p:nvPicPr>
        <p:blipFill>
          <a:blip r:embed="rId3"/>
          <a:srcRect l="1734" r="1734"/>
          <a:stretch>
            <a:fillRect/>
          </a:stretch>
        </p:blipFill>
        <p:spPr>
          <a:xfrm>
            <a:off x="4032249" y="2514595"/>
            <a:ext cx="2663701" cy="2662633"/>
          </a:xfrm>
        </p:spPr>
      </p:pic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11" descr="A diagram of two people with a question mark&#10;&#10;AI-generated content may be incorrect."/>
          <p:cNvPicPr>
            <a:picLocks noGrp="1" noChangeAspect="1"/>
          </p:cNvPicPr>
          <p:nvPr>
            <p:ph type="pic" sz="quarter" idx="18"/>
          </p:nvPr>
        </p:nvPicPr>
        <p:blipFill>
          <a:blip r:embed="rId1"/>
          <a:srcRect l="309" r="309"/>
          <a:stretch>
            <a:fillRect/>
          </a:stretch>
        </p:blipFill>
        <p:spPr/>
      </p:pic>
      <p:pic>
        <p:nvPicPr>
          <p:cNvPr id="16" name="Picture Placeholder 15" descr="A diagram of two people&#10;&#10;AI-generated content may be incorrect."/>
          <p:cNvPicPr>
            <a:picLocks noGrp="1" noChangeAspect="1"/>
          </p:cNvPicPr>
          <p:nvPr>
            <p:ph type="pic" sz="quarter" idx="23"/>
          </p:nvPr>
        </p:nvPicPr>
        <p:blipFill>
          <a:blip r:embed="rId2"/>
          <a:stretch>
            <a:fillRect/>
          </a:stretch>
        </p:blipFill>
        <p:spPr>
          <a:xfrm>
            <a:off x="6701652" y="206525"/>
            <a:ext cx="2185617" cy="4865099"/>
          </a:xfrm>
        </p:spPr>
      </p:pic>
      <p:sp>
        <p:nvSpPr>
          <p:cNvPr id="17" name="Text Placeholder 16"/>
          <p:cNvSpPr>
            <a:spLocks noGrp="1"/>
          </p:cNvSpPr>
          <p:nvPr>
            <p:ph type="body" sz="quarter" idx="35"/>
          </p:nvPr>
        </p:nvSpPr>
        <p:spPr>
          <a:xfrm>
            <a:off x="287734" y="1080219"/>
            <a:ext cx="3744516" cy="3456258"/>
          </a:xfrm>
        </p:spPr>
        <p:txBody>
          <a:bodyPr/>
          <a:lstStyle/>
          <a:p>
            <a:pPr lvl="5"/>
            <a:r>
              <a:rPr lang="en-IN" b="0" cap="none" dirty="0"/>
              <a:t>Users interact with hundreds of articles and products daily — personalization is key to retaining attention. </a:t>
            </a:r>
            <a:endParaRPr lang="en-IN" b="0" cap="none" dirty="0"/>
          </a:p>
          <a:p>
            <a:pPr lvl="5"/>
            <a:r>
              <a:rPr lang="en-IN" b="0" cap="none" dirty="0"/>
              <a:t>The platform’s challenge: Increase engagement and reduce bounce rate. </a:t>
            </a:r>
            <a:endParaRPr lang="en-IN" b="0" cap="none" dirty="0"/>
          </a:p>
          <a:p>
            <a:pPr lvl="5"/>
            <a:r>
              <a:rPr lang="en-IN" b="0" cap="none" dirty="0"/>
              <a:t>The Two-Tower model helps: </a:t>
            </a:r>
            <a:endParaRPr lang="en-IN" b="0" cap="none" dirty="0"/>
          </a:p>
          <a:p>
            <a:pPr marL="171450" lvl="5" indent="-171450">
              <a:lnSpc>
                <a:spcPct val="60000"/>
              </a:lnSpc>
              <a:buFont typeface="Wingdings" panose="05000000000000000000" pitchFamily="2" charset="2"/>
              <a:buChar char="§"/>
            </a:pPr>
            <a:r>
              <a:rPr lang="en-IN" b="0" cap="none" dirty="0"/>
              <a:t>Improve CTR (Click-Through Rate).</a:t>
            </a:r>
            <a:endParaRPr lang="en-IN" b="0" cap="none" dirty="0"/>
          </a:p>
          <a:p>
            <a:pPr marL="171450" lvl="5" indent="-171450">
              <a:lnSpc>
                <a:spcPct val="60000"/>
              </a:lnSpc>
              <a:buFont typeface="Wingdings" panose="05000000000000000000" pitchFamily="2" charset="2"/>
              <a:buChar char="§"/>
            </a:pPr>
            <a:r>
              <a:rPr lang="en-IN" b="0" cap="none" dirty="0"/>
              <a:t>Boost retention and session duration. </a:t>
            </a:r>
            <a:endParaRPr lang="en-IN" b="0" cap="none" dirty="0"/>
          </a:p>
          <a:p>
            <a:pPr marL="171450" lvl="5" indent="-171450">
              <a:lnSpc>
                <a:spcPct val="100000"/>
              </a:lnSpc>
              <a:buFont typeface="Wingdings" panose="05000000000000000000" pitchFamily="2" charset="2"/>
              <a:buChar char="§"/>
            </a:pPr>
            <a:r>
              <a:rPr lang="en-IN" b="0" cap="none" dirty="0"/>
              <a:t>Enhance monetization by showing the most relevant items.</a:t>
            </a:r>
            <a:endParaRPr lang="en-IN" b="0" cap="none" dirty="0"/>
          </a:p>
        </p:txBody>
      </p:sp>
      <p:sp>
        <p:nvSpPr>
          <p:cNvPr id="6" name="Text Placeholder 5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gain, Why is it ?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USINESS PROBLEM</a:t>
            </a: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  <p:pic>
        <p:nvPicPr>
          <p:cNvPr id="23" name="Picture Placeholder 22" descr="A diagram of a hybrid recommendation&#10;&#10;AI-generated content may be incorrect."/>
          <p:cNvPicPr>
            <a:picLocks noGrp="1" noChangeAspect="1"/>
          </p:cNvPicPr>
          <p:nvPr>
            <p:ph type="pic" sz="quarter" idx="30"/>
          </p:nvPr>
        </p:nvPicPr>
        <p:blipFill>
          <a:blip r:embed="rId3"/>
          <a:srcRect l="1734" r="1734"/>
          <a:stretch>
            <a:fillRect/>
          </a:stretch>
        </p:blipFill>
        <p:spPr>
          <a:xfrm>
            <a:off x="4032249" y="2514595"/>
            <a:ext cx="2663701" cy="2662633"/>
          </a:xfrm>
        </p:spPr>
      </p:pic>
    </p:spTree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/>
          <p:cNvSpPr>
            <a:spLocks noGrp="1"/>
          </p:cNvSpPr>
          <p:nvPr>
            <p:ph type="body" sz="quarter" idx="35"/>
          </p:nvPr>
        </p:nvSpPr>
        <p:spPr>
          <a:xfrm>
            <a:off x="359410" y="1080135"/>
            <a:ext cx="4821555" cy="3456305"/>
          </a:xfrm>
        </p:spPr>
        <p:txBody>
          <a:bodyPr/>
          <a:lstStyle/>
          <a:p>
            <a:pPr lvl="5">
              <a:lnSpc>
                <a:spcPct val="80000"/>
              </a:lnSpc>
            </a:pPr>
            <a:r>
              <a:rPr altLang="en-IN" cap="none" dirty="0"/>
              <a:t>How to Run (local):</a:t>
            </a:r>
            <a:br>
              <a:rPr altLang="en-IN" cap="none" dirty="0"/>
            </a:br>
            <a:r>
              <a:rPr altLang="en-IN" cap="none" dirty="0"/>
              <a:t>	</a:t>
            </a:r>
            <a:r>
              <a:rPr altLang="en-IN" b="0" cap="none" dirty="0">
                <a:solidFill>
                  <a:srgbClr val="00B050"/>
                </a:solidFill>
              </a:rPr>
              <a:t>python -m scripts.preprocessing.preprocessing</a:t>
            </a:r>
            <a:endParaRPr lang="en-IN" b="0" cap="none" dirty="0"/>
          </a:p>
          <a:p>
            <a:pPr lvl="5">
              <a:lnSpc>
                <a:spcPct val="80000"/>
              </a:lnSpc>
            </a:pPr>
            <a:r>
              <a:rPr lang="en-IN" cap="none" dirty="0"/>
              <a:t>Available Variables:</a:t>
            </a:r>
            <a:br>
              <a:rPr lang="en-IN" cap="none" dirty="0"/>
            </a:br>
            <a:r>
              <a:rPr altLang="en-IN" b="0" cap="none" dirty="0"/>
              <a:t>	User Features:</a:t>
            </a:r>
            <a:br>
              <a:rPr altLang="en-IN" b="0" cap="none" dirty="0"/>
            </a:br>
            <a:r>
              <a:rPr altLang="en-IN" b="0" cap="none" dirty="0"/>
              <a:t>	Content Features:</a:t>
            </a:r>
            <a:endParaRPr lang="en-IN" cap="none" dirty="0"/>
          </a:p>
          <a:p>
            <a:pPr lvl="5"/>
            <a:endParaRPr lang="en-IN" cap="none" dirty="0"/>
          </a:p>
          <a:p>
            <a:pPr lvl="5"/>
            <a:r>
              <a:rPr lang="en-IN" b="0" dirty="0"/>
              <a:t>✅ </a:t>
            </a:r>
            <a:r>
              <a:rPr lang="en-IN" cap="none" dirty="0"/>
              <a:t>Feature Engineering:</a:t>
            </a:r>
            <a:br>
              <a:rPr lang="en-IN" cap="none" dirty="0"/>
            </a:br>
            <a:r>
              <a:rPr altLang="en-IN" cap="none" dirty="0"/>
              <a:t>	csxaxas</a:t>
            </a:r>
            <a:endParaRPr lang="en-IN" cap="none" dirty="0"/>
          </a:p>
          <a:p>
            <a:pPr lvl="5"/>
            <a:endParaRPr lang="en-IN" cap="none" dirty="0"/>
          </a:p>
          <a:p>
            <a:pPr lvl="5"/>
            <a:r>
              <a:rPr lang="en-IN" b="0" dirty="0"/>
              <a:t>❌ </a:t>
            </a:r>
            <a:r>
              <a:rPr lang="en-IN" cap="none" dirty="0"/>
              <a:t>Limitation </a:t>
            </a:r>
            <a:r>
              <a:rPr altLang="en-IN" cap="none" dirty="0"/>
              <a:t>with</a:t>
            </a:r>
            <a:r>
              <a:rPr lang="en-IN" cap="none" dirty="0"/>
              <a:t> th</a:t>
            </a:r>
            <a:r>
              <a:rPr altLang="en-IN" cap="none" dirty="0"/>
              <a:t>is</a:t>
            </a:r>
            <a:r>
              <a:rPr lang="en-IN" cap="none" dirty="0"/>
              <a:t> Data:</a:t>
            </a:r>
            <a:br>
              <a:rPr lang="en-IN" cap="none" dirty="0"/>
            </a:br>
            <a:r>
              <a:rPr altLang="en-IN" cap="none" dirty="0"/>
              <a:t>	xasxasxs</a:t>
            </a:r>
            <a:endParaRPr altLang="en-IN" cap="none" dirty="0"/>
          </a:p>
        </p:txBody>
      </p:sp>
      <p:sp>
        <p:nvSpPr>
          <p:cNvPr id="6" name="Text Placeholder 5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What to do with Raw Data ?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processing</a:t>
            </a: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/>
          <p:cNvSpPr>
            <a:spLocks noGrp="1"/>
          </p:cNvSpPr>
          <p:nvPr>
            <p:ph type="body" sz="quarter" idx="35"/>
          </p:nvPr>
        </p:nvSpPr>
        <p:spPr>
          <a:xfrm>
            <a:off x="287655" y="1080135"/>
            <a:ext cx="3744595" cy="3456305"/>
          </a:xfrm>
        </p:spPr>
        <p:txBody>
          <a:bodyPr/>
          <a:lstStyle/>
          <a:p>
            <a:pPr lvl="5">
              <a:lnSpc>
                <a:spcPct val="80000"/>
              </a:lnSpc>
            </a:pPr>
            <a:r>
              <a:rPr altLang="en-IN" cap="none" dirty="0"/>
              <a:t>How to Run (local):</a:t>
            </a:r>
            <a:br>
              <a:rPr altLang="en-IN" cap="none" dirty="0"/>
            </a:br>
            <a:r>
              <a:rPr altLang="en-IN" cap="none" dirty="0"/>
              <a:t>	</a:t>
            </a:r>
            <a:r>
              <a:rPr altLang="en-IN" b="0" cap="none" dirty="0">
                <a:solidFill>
                  <a:srgbClr val="00B050"/>
                </a:solidFill>
              </a:rPr>
              <a:t>python -m scripts.training.two_tower</a:t>
            </a:r>
            <a:endParaRPr lang="en-IN" b="0" cap="none" dirty="0"/>
          </a:p>
          <a:p>
            <a:pPr marL="0" lvl="5"/>
            <a:r>
              <a:rPr altLang="en-IN" cap="none">
                <a:sym typeface="+mn-ea"/>
              </a:rPr>
              <a:t>Feature Importance</a:t>
            </a:r>
            <a:r>
              <a:rPr lang="en-IN" cap="none">
                <a:sym typeface="+mn-ea"/>
              </a:rPr>
              <a:t>:</a:t>
            </a:r>
            <a:br>
              <a:rPr lang="en-IN" cap="none">
                <a:sym typeface="+mn-ea"/>
              </a:rPr>
            </a:br>
            <a:r>
              <a:rPr altLang="en-IN" cap="none">
                <a:sym typeface="+mn-ea"/>
              </a:rPr>
              <a:t>	</a:t>
            </a:r>
            <a:r>
              <a:rPr altLang="en-IN" b="0" i="1" cap="none">
                <a:sym typeface="+mn-ea"/>
              </a:rPr>
              <a:t>Calculated using SHAP</a:t>
            </a:r>
            <a:endParaRPr lang="en-IN" cap="none" dirty="0"/>
          </a:p>
          <a:p>
            <a:pPr lvl="5"/>
            <a:r>
              <a:rPr altLang="en-IN" cap="none">
                <a:sym typeface="+mn-ea"/>
              </a:rPr>
              <a:t>	</a:t>
            </a:r>
            <a:endParaRPr lang="en-IN" cap="none" dirty="0"/>
          </a:p>
          <a:p>
            <a:pPr lvl="5"/>
            <a:r>
              <a:rPr altLang="en-IN" cap="none">
                <a:sym typeface="+mn-ea"/>
              </a:rPr>
              <a:t>Assumptions:</a:t>
            </a:r>
            <a:endParaRPr altLang="en-IN" cap="none" dirty="0"/>
          </a:p>
          <a:p>
            <a:pPr marL="0" lvl="5"/>
            <a:endParaRPr altLang="en-IN" cap="none">
              <a:sym typeface="+mn-ea"/>
            </a:endParaRPr>
          </a:p>
          <a:p>
            <a:pPr marL="0" lvl="5"/>
            <a:endParaRPr altLang="en-IN" cap="none">
              <a:sym typeface="+mn-ea"/>
            </a:endParaRPr>
          </a:p>
          <a:p>
            <a:pPr marL="0" lvl="5"/>
            <a:r>
              <a:rPr altLang="en-IN" cap="none">
                <a:sym typeface="+mn-ea"/>
              </a:rPr>
              <a:t>Models Used:</a:t>
            </a:r>
            <a:endParaRPr altLang="en-IN" cap="none">
              <a:sym typeface="+mn-ea"/>
            </a:endParaRPr>
          </a:p>
          <a:p>
            <a:pPr marL="0" lvl="5"/>
            <a:r>
              <a:rPr altLang="en-IN" b="0" cap="none" dirty="0"/>
              <a:t>          1. Content Based Model</a:t>
            </a:r>
            <a:br>
              <a:rPr altLang="en-IN" b="0" cap="none" dirty="0"/>
            </a:br>
            <a:r>
              <a:rPr altLang="en-IN" b="0" cap="none" dirty="0"/>
              <a:t>          2. C</a:t>
            </a:r>
            <a:r>
              <a:rPr lang="en-US" altLang="en-US" b="0" cap="none" dirty="0"/>
              <a:t>ollaborative Filtering</a:t>
            </a:r>
            <a:br>
              <a:rPr lang="en-US" altLang="en-US" b="0" cap="none" dirty="0"/>
            </a:br>
            <a:r>
              <a:rPr lang="en-US" altLang="en-US" b="0" cap="none" dirty="0"/>
              <a:t>          </a:t>
            </a:r>
            <a:r>
              <a:rPr altLang="en-IN" b="0" cap="none" dirty="0"/>
              <a:t>3. Two Tower Neural Network</a:t>
            </a:r>
            <a:endParaRPr lang="en-IN" b="0" cap="none" dirty="0"/>
          </a:p>
          <a:p>
            <a:pPr marL="0" lvl="5"/>
            <a:r>
              <a:rPr altLang="en-IN" cap="none">
                <a:sym typeface="+mn-ea"/>
              </a:rPr>
              <a:t>Log Hyper Parameters and Model Registory:</a:t>
            </a:r>
            <a:endParaRPr altLang="en-IN" cap="none">
              <a:sym typeface="+mn-ea"/>
            </a:endParaRPr>
          </a:p>
          <a:p>
            <a:pPr marL="0" lvl="5" indent="457200"/>
            <a:r>
              <a:rPr altLang="en-IN" b="0" cap="none" dirty="0"/>
              <a:t>MLFlow</a:t>
            </a:r>
            <a:endParaRPr altLang="en-IN" b="0" cap="none" dirty="0"/>
          </a:p>
        </p:txBody>
      </p:sp>
      <p:sp>
        <p:nvSpPr>
          <p:cNvPr id="6" name="Text Placeholder 5"/>
          <p:cNvSpPr>
            <a:spLocks noGrp="1"/>
          </p:cNvSpPr>
          <p:nvPr>
            <p:ph type="subTitle" idx="1"/>
          </p:nvPr>
        </p:nvSpPr>
        <p:spPr>
          <a:xfrm>
            <a:off x="287655" y="483235"/>
            <a:ext cx="4547235" cy="215900"/>
          </a:xfrm>
        </p:spPr>
        <p:txBody>
          <a:bodyPr/>
          <a:lstStyle/>
          <a:p>
            <a:r>
              <a:rPr lang="en-US" dirty="0">
                <a:sym typeface="+mn-ea"/>
              </a:rPr>
              <a:t>What to do with PROCESSED DATA?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aining</a:t>
            </a: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/>
          <p:cNvSpPr>
            <a:spLocks noGrp="1"/>
          </p:cNvSpPr>
          <p:nvPr>
            <p:ph type="body" sz="quarter" idx="35"/>
          </p:nvPr>
        </p:nvSpPr>
        <p:spPr>
          <a:xfrm>
            <a:off x="215900" y="1080135"/>
            <a:ext cx="8293100" cy="3456305"/>
          </a:xfrm>
        </p:spPr>
        <p:txBody>
          <a:bodyPr/>
          <a:lstStyle/>
          <a:p>
            <a:pPr marL="0" lvl="5"/>
            <a:r>
              <a:rPr altLang="en-IN" cap="none">
                <a:sym typeface="+mn-ea"/>
              </a:rPr>
              <a:t>How to Run (local):</a:t>
            </a:r>
            <a:br>
              <a:rPr altLang="en-IN" cap="none">
                <a:sym typeface="+mn-ea"/>
              </a:rPr>
            </a:br>
            <a:r>
              <a:rPr altLang="en-IN" cap="none">
                <a:sym typeface="+mn-ea"/>
              </a:rPr>
              <a:t>	</a:t>
            </a:r>
            <a:r>
              <a:rPr altLang="en-IN" b="0" cap="none">
                <a:solidFill>
                  <a:srgbClr val="00B050"/>
                </a:solidFill>
                <a:sym typeface="+mn-ea"/>
              </a:rPr>
              <a:t>python -m scripts.postprocessing.batchinference</a:t>
            </a:r>
            <a:br>
              <a:rPr altLang="en-IN" b="0" cap="none">
                <a:solidFill>
                  <a:srgbClr val="00B050"/>
                </a:solidFill>
                <a:sym typeface="+mn-ea"/>
              </a:rPr>
            </a:br>
            <a:r>
              <a:rPr altLang="en-IN" b="0" cap="none">
                <a:solidFill>
                  <a:srgbClr val="00B050"/>
                </a:solidFill>
                <a:sym typeface="+mn-ea"/>
              </a:rPr>
              <a:t>       </a:t>
            </a:r>
            <a:r>
              <a:rPr altLang="en-IN" sz="600" b="0" cap="none">
                <a:solidFill>
                  <a:srgbClr val="00B050"/>
                </a:solidFill>
                <a:sym typeface="+mn-ea"/>
              </a:rPr>
              <a:t>(REST API)</a:t>
            </a:r>
            <a:r>
              <a:rPr altLang="en-IN" b="0" cap="none">
                <a:solidFill>
                  <a:srgbClr val="00B050"/>
                </a:solidFill>
                <a:sym typeface="+mn-ea"/>
              </a:rPr>
              <a:t>    python -m </a:t>
            </a:r>
            <a:r>
              <a:rPr altLang="en-IN" b="0" cap="none">
                <a:solidFill>
                  <a:srgbClr val="00B050"/>
                </a:solidFill>
                <a:sym typeface="+mn-ea"/>
              </a:rPr>
              <a:t>scripts.postprocessing.realtimeinference</a:t>
            </a:r>
            <a:br>
              <a:rPr altLang="en-IN" b="0" cap="none">
                <a:solidFill>
                  <a:srgbClr val="00B050"/>
                </a:solidFill>
                <a:sym typeface="+mn-ea"/>
              </a:rPr>
            </a:br>
            <a:endParaRPr lang="en-IN" cap="none" dirty="0"/>
          </a:p>
          <a:p>
            <a:pPr lvl="5"/>
            <a:r>
              <a:rPr altLang="en-IN" cap="none" dirty="0"/>
              <a:t>Batch Inferencing</a:t>
            </a:r>
            <a:r>
              <a:rPr lang="en-IN" cap="none" dirty="0"/>
              <a:t>:</a:t>
            </a:r>
            <a:endParaRPr lang="en-IN" cap="none" dirty="0"/>
          </a:p>
          <a:p>
            <a:pPr lvl="5"/>
            <a:endParaRPr lang="en-IN" cap="none" dirty="0"/>
          </a:p>
          <a:p>
            <a:pPr lvl="5"/>
            <a:endParaRPr lang="en-IN" cap="none" dirty="0"/>
          </a:p>
          <a:p>
            <a:pPr lvl="5"/>
            <a:r>
              <a:rPr altLang="en-IN" cap="none" dirty="0"/>
              <a:t>Real Time Inferencing</a:t>
            </a:r>
            <a:r>
              <a:rPr lang="en-IN" cap="none" dirty="0"/>
              <a:t>:</a:t>
            </a:r>
            <a:endParaRPr lang="en-IN" cap="none" dirty="0"/>
          </a:p>
          <a:p>
            <a:pPr lvl="5" indent="457200"/>
            <a:r>
              <a:rPr altLang="en-IN" cap="none" dirty="0"/>
              <a:t>FastAPI</a:t>
            </a:r>
            <a:endParaRPr lang="en-IN" cap="none" dirty="0"/>
          </a:p>
          <a:p>
            <a:pPr lvl="5"/>
            <a:endParaRPr lang="en-IN" cap="none" dirty="0"/>
          </a:p>
          <a:p>
            <a:pPr lvl="5"/>
            <a:endParaRPr lang="en-IN" cap="none" dirty="0"/>
          </a:p>
          <a:p>
            <a:pPr lvl="5"/>
            <a:endParaRPr lang="en-IN" cap="none" dirty="0"/>
          </a:p>
          <a:p>
            <a:pPr lvl="5"/>
            <a:endParaRPr lang="en-IN" cap="none" dirty="0"/>
          </a:p>
        </p:txBody>
      </p:sp>
      <p:sp>
        <p:nvSpPr>
          <p:cNvPr id="6" name="Text Placeholder 5"/>
          <p:cNvSpPr>
            <a:spLocks noGrp="1"/>
          </p:cNvSpPr>
          <p:nvPr>
            <p:ph type="subTitle" idx="1"/>
          </p:nvPr>
        </p:nvSpPr>
        <p:spPr>
          <a:xfrm>
            <a:off x="287655" y="483235"/>
            <a:ext cx="4526915" cy="215900"/>
          </a:xfrm>
        </p:spPr>
        <p:txBody>
          <a:bodyPr/>
          <a:lstStyle/>
          <a:p>
            <a:r>
              <a:rPr lang="en-US" dirty="0"/>
              <a:t>Model to output?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OST processing</a:t>
            </a: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6"/>
          <p:cNvSpPr>
            <a:spLocks noGrp="1"/>
          </p:cNvSpPr>
          <p:nvPr>
            <p:ph type="body" sz="quarter" idx="35"/>
          </p:nvPr>
        </p:nvSpPr>
        <p:spPr>
          <a:xfrm>
            <a:off x="215900" y="1080135"/>
            <a:ext cx="8293100" cy="3456305"/>
          </a:xfrm>
        </p:spPr>
        <p:txBody>
          <a:bodyPr/>
          <a:lstStyle/>
          <a:p>
            <a:pPr marL="0" lvl="5"/>
            <a:r>
              <a:rPr altLang="en-IN" cap="none">
                <a:sym typeface="+mn-ea"/>
              </a:rPr>
              <a:t>How to Run (local):</a:t>
            </a:r>
            <a:br>
              <a:rPr altLang="en-IN" cap="none">
                <a:sym typeface="+mn-ea"/>
              </a:rPr>
            </a:br>
            <a:r>
              <a:rPr altLang="en-IN" cap="none">
                <a:sym typeface="+mn-ea"/>
              </a:rPr>
              <a:t>	</a:t>
            </a:r>
            <a:r>
              <a:rPr altLang="en-IN" b="0" cap="none">
                <a:solidFill>
                  <a:srgbClr val="00B050"/>
                </a:solidFill>
                <a:sym typeface="+mn-ea"/>
              </a:rPr>
              <a:t>python -m scripts.postprocessing.evaluation</a:t>
            </a:r>
            <a:endParaRPr altLang="en-IN" b="0" cap="none">
              <a:solidFill>
                <a:srgbClr val="00B050"/>
              </a:solidFill>
              <a:sym typeface="+mn-ea"/>
            </a:endParaRPr>
          </a:p>
          <a:p>
            <a:pPr marL="0" lvl="5"/>
            <a:r>
              <a:rPr altLang="en-IN" cap="none" dirty="0"/>
              <a:t>Metrics:</a:t>
            </a:r>
            <a:endParaRPr altLang="en-IN" cap="none" dirty="0"/>
          </a:p>
          <a:p>
            <a:pPr marL="0" lvl="5" indent="457200"/>
            <a:r>
              <a:rPr altLang="en-IN" cap="none" dirty="0"/>
              <a:t>nDCG@K</a:t>
            </a:r>
            <a:r>
              <a:rPr altLang="en-IN" b="0" cap="none" dirty="0"/>
              <a:t>: C</a:t>
            </a:r>
            <a:r>
              <a:rPr lang="en-US" altLang="en-US" b="0" cap="none" dirty="0"/>
              <a:t>aptures ranking quality considering position.</a:t>
            </a:r>
            <a:endParaRPr lang="en-US" altLang="en-US" b="0" cap="none" dirty="0"/>
          </a:p>
          <a:p>
            <a:pPr marL="0" lvl="5" indent="457200"/>
            <a:endParaRPr lang="en-IN" altLang="en-IN" b="0" cap="none" dirty="0"/>
          </a:p>
          <a:p>
            <a:pPr marL="0" lvl="5" indent="457200"/>
            <a:r>
              <a:rPr altLang="en-IN" cap="none" dirty="0"/>
              <a:t>Hit@K</a:t>
            </a:r>
            <a:r>
              <a:rPr altLang="en-IN" b="0" cap="none" dirty="0"/>
              <a:t>: </a:t>
            </a:r>
            <a:r>
              <a:rPr lang="en-US" altLang="en-US" b="0" cap="none" dirty="0"/>
              <a:t>Measures whether relevant items appear in the top-K list.</a:t>
            </a:r>
            <a:endParaRPr lang="en-IN" altLang="en-IN" b="0" cap="none" dirty="0"/>
          </a:p>
          <a:p>
            <a:pPr marL="0" lvl="5" indent="457200"/>
            <a:endParaRPr lang="en-IN" altLang="en-IN" b="0" cap="none" dirty="0"/>
          </a:p>
          <a:p>
            <a:pPr marL="0" lvl="5" indent="457200"/>
            <a:r>
              <a:rPr altLang="en-IN" cap="none" dirty="0"/>
              <a:t>MAP</a:t>
            </a:r>
            <a:r>
              <a:rPr altLang="en-IN" b="0" cap="none" dirty="0"/>
              <a:t>: </a:t>
            </a:r>
            <a:r>
              <a:rPr lang="en-US" altLang="en-US" b="0" cap="none" dirty="0"/>
              <a:t>Averages precision across users.</a:t>
            </a:r>
            <a:endParaRPr lang="en-US" altLang="en-US" cap="none" dirty="0"/>
          </a:p>
          <a:p>
            <a:pPr lvl="5"/>
            <a:endParaRPr lang="en-IN" cap="none" dirty="0"/>
          </a:p>
          <a:p>
            <a:pPr lvl="5"/>
            <a:endParaRPr lang="en-IN" cap="none" dirty="0"/>
          </a:p>
        </p:txBody>
      </p:sp>
      <p:sp>
        <p:nvSpPr>
          <p:cNvPr id="6" name="Text Placeholder 5"/>
          <p:cNvSpPr>
            <a:spLocks noGrp="1"/>
          </p:cNvSpPr>
          <p:nvPr>
            <p:ph type="subTitle" idx="1"/>
          </p:nvPr>
        </p:nvSpPr>
        <p:spPr>
          <a:xfrm>
            <a:off x="287655" y="483235"/>
            <a:ext cx="4526915" cy="215900"/>
          </a:xfrm>
        </p:spPr>
        <p:txBody>
          <a:bodyPr/>
          <a:lstStyle/>
          <a:p>
            <a:r>
              <a:rPr lang="en-US" dirty="0"/>
              <a:t>How will do it do?</a:t>
            </a:r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VALUATION METRICS</a:t>
            </a: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37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Adidas AG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</a:fld>
            <a:endParaRPr lang="en-US" dirty="0"/>
          </a:p>
        </p:txBody>
      </p:sp>
    </p:spTree>
  </p:cSld>
  <p:clrMapOvr>
    <a:masterClrMapping/>
  </p:clrMapOvr>
</p:sld>
</file>

<file path=ppt/tags/tag30.xml><?xml version="1.0" encoding="utf-8"?>
<p:tagLst xmlns:p="http://schemas.openxmlformats.org/presentationml/2006/main">
  <p:tag name="ARTICULATE_PROJECT_OPEN" val="0"/>
  <p:tag name="ISPRING_RESOURCE_PATHS_HASH_2" val="43ef732248e4e4fbc1f78a43fe4c73af8c5bffc"/>
  <p:tag name="ISPRING_RESOURCE_PATHS_HASH_PRESENTER" val="15e96bdfcb49be15f1326379da21b3357065d"/>
</p:tagLst>
</file>

<file path=ppt/theme/theme1.xml><?xml version="1.0" encoding="utf-8"?>
<a:theme xmlns:a="http://schemas.openxmlformats.org/drawingml/2006/main" name="ADIDAS 2023 GREY">
  <a:themeElements>
    <a:clrScheme name="adidas Greyscal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2"/>
        </a:solidFill>
        <a:ln w="3175" cap="sq">
          <a:solidFill>
            <a:schemeClr val="tx1"/>
          </a:solidFill>
          <a:miter lim="800000"/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noAutofit/>
      </a:bodyPr>
      <a:lstStyle>
        <a:defPPr algn="ctr">
          <a:spcAft>
            <a:spcPts val="0"/>
          </a:spcAft>
          <a:defRPr sz="1000" dirty="0" err="1">
            <a:solidFill>
              <a:sysClr val="windowText" lastClr="000000"/>
            </a:solidFill>
            <a:latin typeface="+mj-lt"/>
            <a:cs typeface="adidasFG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145" indent="-144145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itchFamily="34" charset="0"/>
          </a:defRPr>
        </a:defPPr>
      </a:lstStyle>
    </a:txDef>
  </a:objectDefaults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ADIDAS 2023 NEUTRALS">
  <a:themeElements>
    <a:clrScheme name="adidas Neutrals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D7C7C0"/>
      </a:accent1>
      <a:accent2>
        <a:srgbClr val="AFA5A5"/>
      </a:accent2>
      <a:accent3>
        <a:srgbClr val="F7F3D6"/>
      </a:accent3>
      <a:accent4>
        <a:srgbClr val="EFE4A5"/>
      </a:accent4>
      <a:accent5>
        <a:srgbClr val="9F9E8E"/>
      </a:accent5>
      <a:accent6>
        <a:srgbClr val="696363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145" indent="-144145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itchFamily="34" charset="0"/>
          </a:defRPr>
        </a:defPPr>
      </a:lstStyle>
    </a:txDef>
  </a:objectDefaults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ADIDAS 2023 STRATEGY BLUE">
  <a:themeElements>
    <a:clrScheme name="adidas Strategy Blu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D2E7F2"/>
      </a:accent1>
      <a:accent2>
        <a:srgbClr val="A6CDE3"/>
      </a:accent2>
      <a:accent3>
        <a:srgbClr val="6AABCF"/>
      </a:accent3>
      <a:accent4>
        <a:srgbClr val="3F677C"/>
      </a:accent4>
      <a:accent5>
        <a:srgbClr val="294452"/>
      </a:accent5>
      <a:accent6>
        <a:srgbClr val="172128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145" indent="-144145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itchFamily="34" charset="0"/>
          </a:defRPr>
        </a:defPPr>
      </a:lstStyle>
    </a:txDef>
  </a:objectDefaults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ADIDAS 2023 SEMI LUCID BLUE">
  <a:themeElements>
    <a:clrScheme name="adidas Semi Lucid Blu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AFB2C9"/>
      </a:accent1>
      <a:accent2>
        <a:srgbClr val="868BAE"/>
      </a:accent2>
      <a:accent3>
        <a:srgbClr val="363D78"/>
      </a:accent3>
      <a:accent4>
        <a:srgbClr val="292F5A"/>
      </a:accent4>
      <a:accent5>
        <a:srgbClr val="191F3C"/>
      </a:accent5>
      <a:accent6>
        <a:srgbClr val="0C0C1D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145" indent="-144145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itchFamily="34" charset="0"/>
          </a:defRPr>
        </a:defPPr>
      </a:lstStyle>
    </a:txDef>
  </a:objectDefaults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ADIDAS 2023 SEMI LUCID RED">
  <a:themeElements>
    <a:clrScheme name="adidas Semi Lucid Red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1AFB6"/>
      </a:accent1>
      <a:accent2>
        <a:srgbClr val="EC868F"/>
      </a:accent2>
      <a:accent3>
        <a:srgbClr val="DD3444"/>
      </a:accent3>
      <a:accent4>
        <a:srgbClr val="A62834"/>
      </a:accent4>
      <a:accent5>
        <a:srgbClr val="6E1F22"/>
      </a:accent5>
      <a:accent6>
        <a:srgbClr val="360F11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145" indent="-144145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itchFamily="34" charset="0"/>
          </a:defRPr>
        </a:defPPr>
      </a:lstStyle>
    </a:txDef>
  </a:objectDefaults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6.xml><?xml version="1.0" encoding="utf-8"?>
<a:theme xmlns:a="http://schemas.openxmlformats.org/drawingml/2006/main" name="ADIDAS 2023 YELLOW">
  <a:themeElements>
    <a:clrScheme name="adidas Yellow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F8F1B2"/>
      </a:accent1>
      <a:accent2>
        <a:srgbClr val="F1E366"/>
      </a:accent2>
      <a:accent3>
        <a:srgbClr val="E8CF0F"/>
      </a:accent3>
      <a:accent4>
        <a:srgbClr val="AF9309"/>
      </a:accent4>
      <a:accent5>
        <a:srgbClr val="785813"/>
      </a:accent5>
      <a:accent6>
        <a:srgbClr val="533009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145" indent="-144145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itchFamily="34" charset="0"/>
          </a:defRPr>
        </a:defPPr>
      </a:lstStyle>
    </a:txDef>
  </a:objectDefaults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7.xml><?xml version="1.0" encoding="utf-8"?>
<a:theme xmlns:a="http://schemas.openxmlformats.org/drawingml/2006/main" name="ADIDAS 2023 PULS LIME">
  <a:themeElements>
    <a:clrScheme name="adidas Puls Lime">
      <a:dk1>
        <a:sysClr val="windowText" lastClr="000000"/>
      </a:dk1>
      <a:lt1>
        <a:sysClr val="window" lastClr="FFFFFF"/>
      </a:lt1>
      <a:dk2>
        <a:srgbClr val="A6A6A6"/>
      </a:dk2>
      <a:lt2>
        <a:srgbClr val="F2F2F2"/>
      </a:lt2>
      <a:accent1>
        <a:srgbClr val="EAF1CF"/>
      </a:accent1>
      <a:accent2>
        <a:srgbClr val="DFEBB7"/>
      </a:accent2>
      <a:accent3>
        <a:srgbClr val="C9DE87"/>
      </a:accent3>
      <a:accent4>
        <a:srgbClr val="97A764"/>
      </a:accent4>
      <a:accent5>
        <a:srgbClr val="646F44"/>
      </a:accent5>
      <a:accent6>
        <a:srgbClr val="313622"/>
      </a:accent6>
      <a:hlink>
        <a:srgbClr val="000000"/>
      </a:hlink>
      <a:folHlink>
        <a:srgbClr val="000000"/>
      </a:folHlink>
    </a:clrScheme>
    <a:fontScheme name="adidas FG">
      <a:majorFont>
        <a:latin typeface="adidasFG Compressed"/>
        <a:ea typeface=""/>
        <a:cs typeface=""/>
      </a:majorFont>
      <a:minorFont>
        <a:latin typeface="adidasFG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145" indent="-144145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itchFamily="34" charset="0"/>
          </a:defRPr>
        </a:defPPr>
      </a:lstStyle>
    </a:txDef>
  </a:objectDefaults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8.xml><?xml version="1.0" encoding="utf-8"?>
<a:theme xmlns:a="http://schemas.openxmlformats.org/drawingml/2006/main" name="Office Theme">
  <a:themeElements>
    <a:clrScheme name="ADIDAS 2023">
      <a:dk1>
        <a:sysClr val="windowText" lastClr="000000"/>
      </a:dk1>
      <a:lt1>
        <a:sysClr val="window" lastClr="FFFFFF"/>
      </a:lt1>
      <a:dk2>
        <a:srgbClr val="005EB8"/>
      </a:dk2>
      <a:lt2>
        <a:srgbClr val="6AABCF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ONTS 2023">
      <a:majorFont>
        <a:latin typeface="adidasFG Compressed"/>
        <a:ea typeface=""/>
        <a:cs typeface=""/>
      </a:majorFont>
      <a:minorFont>
        <a:latin typeface="adidasFG Compresse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145" indent="-144145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itchFamily="34" charset="0"/>
          </a:defRPr>
        </a:defPPr>
      </a:lstStyle>
    </a:txDef>
  </a:objectDefaults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9.xml><?xml version="1.0" encoding="utf-8"?>
<a:theme xmlns:a="http://schemas.openxmlformats.org/drawingml/2006/main" name="Office Theme">
  <a:themeElements>
    <a:clrScheme name="ADIDAS 2023">
      <a:dk1>
        <a:sysClr val="windowText" lastClr="000000"/>
      </a:dk1>
      <a:lt1>
        <a:sysClr val="window" lastClr="FFFFFF"/>
      </a:lt1>
      <a:dk2>
        <a:srgbClr val="005EB8"/>
      </a:dk2>
      <a:lt2>
        <a:srgbClr val="6AABCF"/>
      </a:lt2>
      <a:accent1>
        <a:srgbClr val="F2F2F2"/>
      </a:accent1>
      <a:accent2>
        <a:srgbClr val="D9D9D9"/>
      </a:accent2>
      <a:accent3>
        <a:srgbClr val="A6A6A6"/>
      </a:accent3>
      <a:accent4>
        <a:srgbClr val="808080"/>
      </a:accent4>
      <a:accent5>
        <a:srgbClr val="595959"/>
      </a:accent5>
      <a:accent6>
        <a:srgbClr val="333333"/>
      </a:accent6>
      <a:hlink>
        <a:srgbClr val="000000"/>
      </a:hlink>
      <a:folHlink>
        <a:srgbClr val="000000"/>
      </a:folHlink>
    </a:clrScheme>
    <a:fontScheme name="ADIDAS FONTS 2023">
      <a:majorFont>
        <a:latin typeface="adidasFG Compressed"/>
        <a:ea typeface=""/>
        <a:cs typeface=""/>
      </a:majorFont>
      <a:minorFont>
        <a:latin typeface="adidasFG Compressed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1"/>
        </a:solidFill>
        <a:ln w="3175" cap="sq">
          <a:solidFill>
            <a:schemeClr val="tx1"/>
          </a:solidFill>
          <a:miter lim="800000"/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noAutofit/>
      </a:bodyPr>
      <a:lstStyle>
        <a:defPPr algn="ctr">
          <a:spcAft>
            <a:spcPts val="0"/>
          </a:spcAft>
          <a:defRPr sz="1000" dirty="0" err="1" smtClean="0">
            <a:solidFill>
              <a:sysClr val="windowText" lastClr="000000"/>
            </a:solidFill>
            <a:latin typeface="+mj-lt"/>
            <a:cs typeface="adidasFG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3175" cmpd="sng">
          <a:solidFill>
            <a:schemeClr val="tx1"/>
          </a:solidFill>
          <a:prstDash val="solid"/>
          <a:miter lim="800000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44145" indent="-144145" algn="l">
          <a:spcBef>
            <a:spcPts val="300"/>
          </a:spcBef>
          <a:spcAft>
            <a:spcPts val="0"/>
          </a:spcAft>
          <a:buSzPct val="90000"/>
          <a:buFont typeface="Wingdings" panose="05000000000000000000" pitchFamily="2" charset="2"/>
          <a:buChar char="§"/>
          <a:defRPr sz="1000" dirty="0" err="1" smtClean="0">
            <a:solidFill>
              <a:sysClr val="windowText" lastClr="000000"/>
            </a:solidFill>
            <a:latin typeface="+mn-lt"/>
            <a:cs typeface="adidasFG" pitchFamily="34" charset="0"/>
          </a:defRPr>
        </a:defPPr>
      </a:lstStyle>
    </a:txDef>
  </a:objectDefaults>
  <a:custClrLst>
    <a:custClr name="Semi Lucid Red">
      <a:srgbClr val="D60018"/>
    </a:custClr>
    <a:custClr name="Yellow">
      <a:srgbClr val="FFE600"/>
    </a:custClr>
    <a:custClr name="Green">
      <a:srgbClr val="007E47"/>
    </a:custClr>
    <a:custClr name="Confirmed Blue">
      <a:srgbClr val="153CFF"/>
    </a:custClr>
    <a:custClr name="Strategy Blue">
      <a:srgbClr val="6AABCF"/>
    </a:custClr>
    <a:custClr name="Originals Blue">
      <a:srgbClr val="0057B8"/>
    </a:custClr>
    <a:custClr name="Terrex Orange">
      <a:srgbClr val="CF5539"/>
    </a:custClr>
    <a:custClr name=" ">
      <a:srgbClr val="FFFFFF"/>
    </a:custClr>
    <a:custClr name=" ">
      <a:srgbClr val="FFFFFF"/>
    </a:custClr>
    <a:custClr name=" ">
      <a:srgbClr val="FFFFFF"/>
    </a:custClr>
    <a:custClr name="Pastell Red">
      <a:srgbClr val="EC868F"/>
    </a:custClr>
    <a:custClr name="Pastell Yellow">
      <a:srgbClr val="F1E366"/>
    </a:custClr>
    <a:custClr name="Pastell Green">
      <a:srgbClr val="C9DE87"/>
    </a:custClr>
    <a:custClr name="Pastell Blue">
      <a:srgbClr val="99BDE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Adidas Global Template (1)","templateDescription":"","enableDocumentContentUpdater":false,"version":"2.0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1023147074946072580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1023147074946072585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1023147074946072581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ma:contentTypeName="Document" ma:contentTypeScope="" ma:contentTypeDescription="Create a new document." ma:versionID="cfe733105a8cbdabf999ac1bb81ab3e0" ma:contentTypeID="0x0101008D7A4BF20AE2DF44BB1E4D900459DA4C" ct:_="" ma:_="" ma:contentTypeVersion="4">
  <xsd:schema xmlns:xsd="http://www.w3.org/2001/XMLSchema" xmlns:p="http://schemas.microsoft.com/office/2006/metadata/properties" xmlns:xs="http://www.w3.org/2001/XMLSchema" xmlns:ns2="f049df30-0935-4722-b6e6-f9c5a3003975" ma:root="true" targetNamespace="http://schemas.microsoft.com/office/2006/metadata/properties" ma:fieldsID="446d1051a7d114f6f032f5f4ef70d08d" ns2:_="">
    <xsd:import namespace="f049df30-0935-4722-b6e6-f9c5a3003975"/>
    <xsd:element name="properties">
      <xsd:complexType>
        <xsd:sequence>
          <xsd:element name="documentManagement">
            <xsd:complexType>
              <xsd:all>
                <xsd:element minOccurs="0" ref="ns2:MediaServiceMetadata"/>
                <xsd:element minOccurs="0" ref="ns2:MediaServiceFastMetadata"/>
                <xsd:element minOccurs="0" ref="ns2:MediaServiceSearchProperties"/>
                <xsd:element minOccurs="0" ref="ns2:MediaServiceObjectDetectorVersions"/>
              </xsd:all>
            </xsd:complexType>
          </xsd:element>
        </xsd:sequence>
      </xsd:complexType>
    </xsd:element>
  </xsd:schema>
  <xsd:schema xmlns:xsd="http://www.w3.org/2001/XMLSchema" xmlns:dms="http://schemas.microsoft.com/office/2006/documentManagement/types" xmlns:pc="http://schemas.microsoft.com/office/infopath/2007/PartnerControls" xmlns:xs="http://www.w3.org/2001/XMLSchema" targetNamespace="f049df30-0935-4722-b6e6-f9c5a3003975" elementFormDefault="qualified">
    <xsd:import namespace="http://schemas.microsoft.com/office/2006/documentManagement/types"/>
    <xsd:import namespace="http://schemas.microsoft.com/office/infopath/2007/PartnerControls"/>
    <xsd:element ma:hidden="true" ma:internalName="MediaServiceMetadata" name="MediaServiceMetadata" nillable="true" ma:readOnly="true" ma:index="8" ma:displayName="MediaServiceMetadata">
      <xsd:simpleType>
        <xsd:restriction base="dms:Note"/>
      </xsd:simpleType>
    </xsd:element>
    <xsd:element ma:hidden="true" ma:internalName="MediaServiceFastMetadata" name="MediaServiceFastMetadata" nillable="true" ma:readOnly="true" ma:index="9" ma:displayName="MediaServiceFastMetadata">
      <xsd:simpleType>
        <xsd:restriction base="dms:Note"/>
      </xsd:simpleType>
    </xsd:element>
    <xsd:element ma:hidden="true" ma:internalName="MediaServiceSearchProperties" name="MediaServiceSearchProperties" nillable="true" ma:readOnly="true" ma:index="10" ma:displayName="MediaServiceSearchProperties">
      <xsd:simpleType>
        <xsd:restriction base="dms:Note"/>
      </xsd:simpleType>
    </xsd:element>
    <xsd:element ma:hidden="true" ma:internalName="MediaServiceObjectDetectorVersions" ma:indexed="true" name="MediaServiceObjectDetectorVersions" nillable="true" ma:readOnly="true" ma:index="11" ma:displayName="MediaServiceObjectDetectorVersions">
      <xsd:simpleType>
        <xsd:restriction base="dms:Text"/>
      </xsd:simpleType>
    </xsd:element>
  </xsd:schema>
  <xsd:schema xmlns:xsd="http://www.w3.org/2001/XMLSchema" xmlns:dc="http://purl.org/dc/elements/1.1/" xmlns:odoc="http://schemas.microsoft.com/internal/obd" xmlns="http://schemas.openxmlformats.org/package/2006/metadata/core-properties" xmlns:xsi="http://www.w3.org/2001/XMLSchema-instance" xmlns:dcterms="http://purl.org/dc/terms/" attributeFormDefault="unqualified" targetNamespace="http://schemas.openxmlformats.org/package/2006/metadata/core-properties" blockDefault="#all" elementFormDefault="qualified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type="CT_coreProperties" name="coreProperties"/>
    <xsd:complexType name="CT_coreProperties">
      <xsd:all>
        <xsd:element minOccurs="0" ref="dc:creator" maxOccurs="1"/>
        <xsd:element minOccurs="0" ref="dcterms:created" maxOccurs="1"/>
        <xsd:element minOccurs="0" ref="dc:identifier" maxOccurs="1"/>
        <xsd:element type="xsd:string" minOccurs="0" name="contentType" ma:index="0" ma:displayName="Content Type" maxOccurs="1"/>
        <xsd:element minOccurs="0" ref="dc:title" ma:index="4" ma:displayName="Title" maxOccurs="1"/>
        <xsd:element minOccurs="0" ref="dc:subject" maxOccurs="1"/>
        <xsd:element minOccurs="0" ref="dc:description" maxOccurs="1"/>
        <xsd:element type="xsd:string" minOccurs="0" name="keywords" maxOccurs="1"/>
        <xsd:element minOccurs="0" ref="dc:language" maxOccurs="1"/>
        <xsd:element type="xsd:string" minOccurs="0" name="category" maxOccurs="1"/>
        <xsd:element type="xsd:string" minOccurs="0" name="version" maxOccurs="1"/>
        <xsd:element type="xsd:string" minOccurs="0" name="revision" maxOccurs="1">
          <xsd:annotation>
            <xsd:documentation>
                        This value indicates the number of saves or revisions. The application is responsible for updating this value after each revision.
                    </xsd:documentation>
          </xsd:annotation>
        </xsd:element>
        <xsd:element type="xsd:string" minOccurs="0" name="lastModifiedBy" maxOccurs="1"/>
        <xsd:element minOccurs="0" ref="dcterms:modified" maxOccurs="1"/>
        <xsd:element type="xsd:string" minOccurs="0" name="contentStatus" maxOccurs="1"/>
      </xsd:all>
    </xsd:complexType>
  </xsd:schema>
  <xs:schema xmlns:pc="http://schemas.microsoft.com/office/infopath/2007/PartnerControls" xmlns:xs="http://www.w3.org/2001/XMLSchema" attributeFormDefault="unqualified" targetNamespace="http://schemas.microsoft.com/office/infopath/2007/PartnerControls" elementFormDefault="qualified">
    <xs:element name="Person">
      <xs:complexType>
        <xs:sequence>
          <xs:element minOccurs="0" ref="pc:DisplayName"/>
          <xs:element minOccurs="0" ref="pc:AccountId"/>
          <xs:element minOccurs="0" ref="pc:AccountType"/>
        </xs:sequence>
      </xs:complexType>
    </xs:element>
    <xs:element type="xs:string" name="DisplayName"/>
    <xs:element type="xs:string" name="AccountId"/>
    <xs:element type="xs:string" name="AccountType"/>
    <xs:element name="BDCAssociatedEntity">
      <xs:complexType>
        <xs:sequence>
          <xs:element minOccurs="0" ref="pc:BDCEntity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type="xs:string" name="EntityNamespace"/>
    <xs:attribute type="xs:string" name="EntityName"/>
    <xs:attribute type="xs:string" name="SystemInstanceName"/>
    <xs:attribute type="xs:string" name="AssociationName"/>
    <xs:element name="BDCEntity">
      <xs:complexType>
        <xs:sequence>
          <xs:element minOccurs="0" ref="pc:EntityDisplayName"/>
          <xs:element minOccurs="0" ref="pc:EntityInstanceReference"/>
          <xs:element minOccurs="0" ref="pc:EntityId1"/>
          <xs:element minOccurs="0" ref="pc:EntityId2"/>
          <xs:element minOccurs="0" ref="pc:EntityId3"/>
          <xs:element minOccurs="0" ref="pc:EntityId4"/>
          <xs:element minOccurs="0" ref="pc:EntityId5"/>
        </xs:sequence>
      </xs:complexType>
    </xs:element>
    <xs:element type="xs:string" name="EntityDisplayName"/>
    <xs:element type="xs:string" name="EntityInstanceReference"/>
    <xs:element type="xs:string" name="EntityId1"/>
    <xs:element type="xs:string" name="EntityId2"/>
    <xs:element type="xs:string" name="EntityId3"/>
    <xs:element type="xs:string" name="EntityId4"/>
    <xs:element type="xs:string" name="EntityId5"/>
    <xs:element name="Terms">
      <xs:complexType>
        <xs:sequence>
          <xs:element minOccurs="0" ref="pc:TermInfo" maxOccurs="unbounded"/>
        </xs:sequence>
      </xs:complexType>
    </xs:element>
    <xs:element name="TermInfo">
      <xs:complexType>
        <xs:sequence>
          <xs:element minOccurs="0" ref="pc:TermName"/>
          <xs:element minOccurs="0" ref="pc:TermId"/>
        </xs:sequence>
      </xs:complexType>
    </xs:element>
    <xs:element type="xs:string" name="TermName"/>
    <xs:element type="xs:string" name="TermId"/>
  </xs:schema>
</ct:contentTypeSchema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2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5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1023147074946072586","enableDocumentContentUpdater":false,"version":"2.0"}]]></TemplafySlideTemplateConfiguration>
</file>

<file path=customXml/item28.xml><?xml version="1.0" encoding="utf-8"?>
<TemplafySlideTemplateConfiguration><![CDATA[{"slideVersion":1,"isValidatorEnabled":false,"isLocked":false,"elementsMetadata":[],"slideId":"1023147074946072589","enableDocumentContentUpdater":false,"version":"2.0"}]]></TemplafySlideTemplateConfiguration>
</file>

<file path=customXml/item29.xml><?xml version="1.0" encoding="utf-8"?>
<p:properties xmlns:xsi="http://www.w3.org/2001/XMLSchema-instance" xmlns:pc="http://schemas.microsoft.com/office/infopath/2007/PartnerControls" xmlns:p="http://schemas.microsoft.com/office/2006/metadata/properties">
  <documentManagement/>
</p:properties>
</file>

<file path=customXml/item3.xml><?xml version="1.0" encoding="utf-8"?>
<TemplafySlideTemplateConfiguration><![CDATA[{"slideVersion":1,"isValidatorEnabled":false,"isLocked":false,"elementsMetadata":[],"slideId":"1023147074946072582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1023147074946072584","enableDocumentContentUpdater":false,"version":"2.0"}]]></TemplafySlideTemplate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TemplateConfiguration><![CDATA[{"slideVersion":1,"isValidatorEnabled":false,"isLocked":false,"elementsMetadata":[],"slideId":"1023147074946072587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74B9C61-2B42-4BAF-B174-308993F35956}">
  <ds:schemaRefs/>
</ds:datastoreItem>
</file>

<file path=customXml/itemProps10.xml><?xml version="1.0" encoding="utf-8"?>
<ds:datastoreItem xmlns:ds="http://schemas.openxmlformats.org/officeDocument/2006/customXml" ds:itemID="{75EADF42-89D3-4D4F-A593-26878BE4B787}">
  <ds:schemaRefs/>
</ds:datastoreItem>
</file>

<file path=customXml/itemProps11.xml><?xml version="1.0" encoding="utf-8"?>
<ds:datastoreItem xmlns:ds="http://schemas.openxmlformats.org/officeDocument/2006/customXml" ds:itemID="{ACA7FB76-BF37-4673-A3D3-19EED0B1EB0E}">
  <ds:schemaRefs/>
</ds:datastoreItem>
</file>

<file path=customXml/itemProps12.xml><?xml version="1.0" encoding="utf-8"?>
<ds:datastoreItem xmlns:ds="http://schemas.openxmlformats.org/officeDocument/2006/customXml" ds:itemID="{ACD1E250-0E44-4AF2-AAB0-27B9B9631132}">
  <ds:schemaRefs/>
</ds:datastoreItem>
</file>

<file path=customXml/itemProps13.xml><?xml version="1.0" encoding="utf-8"?>
<ds:datastoreItem xmlns:ds="http://schemas.openxmlformats.org/officeDocument/2006/customXml" ds:itemID="{0D767454-D9BA-45A4-B00D-EBFC7C61B81C}">
  <ds:schemaRefs/>
</ds:datastoreItem>
</file>

<file path=customXml/itemProps14.xml><?xml version="1.0" encoding="utf-8"?>
<ds:datastoreItem xmlns:ds="http://schemas.openxmlformats.org/officeDocument/2006/customXml" ds:itemID="{A4145E89-92E4-4D83-B4DC-C5C789CB3D65}">
  <ds:schemaRefs/>
</ds:datastoreItem>
</file>

<file path=customXml/itemProps15.xml><?xml version="1.0" encoding="utf-8"?>
<ds:datastoreItem xmlns:ds="http://schemas.openxmlformats.org/officeDocument/2006/customXml" ds:itemID="{16668839-CBE4-5C4D-81FC-AC0B692994C4}">
  <ds:schemaRefs/>
</ds:datastoreItem>
</file>

<file path=customXml/itemProps16.xml><?xml version="1.0" encoding="utf-8"?>
<ds:datastoreItem xmlns:ds="http://schemas.openxmlformats.org/officeDocument/2006/customXml" ds:itemID="{7D3CE4BE-20A0-4C4F-A536-AE0B283ED3C7}">
  <ds:schemaRefs/>
</ds:datastoreItem>
</file>

<file path=customXml/itemProps17.xml><?xml version="1.0" encoding="utf-8"?>
<ds:datastoreItem xmlns:ds="http://schemas.openxmlformats.org/officeDocument/2006/customXml" ds:itemID="{307D9274-AC4D-0642-B979-AC340CADEBF5}">
  <ds:schemaRefs/>
</ds:datastoreItem>
</file>

<file path=customXml/itemProps18.xml><?xml version="1.0" encoding="utf-8"?>
<ds:datastoreItem xmlns:ds="http://schemas.openxmlformats.org/officeDocument/2006/customXml" ds:itemID="{12C8C842-D7D7-4520-8890-374F59285F24}">
  <ds:schemaRefs/>
</ds:datastoreItem>
</file>

<file path=customXml/itemProps19.xml><?xml version="1.0" encoding="utf-8"?>
<ds:datastoreItem xmlns:ds="http://schemas.openxmlformats.org/officeDocument/2006/customXml" ds:itemID="{E3F1387F-F098-8E4B-861D-F3480A096140}">
  <ds:schemaRefs/>
</ds:datastoreItem>
</file>

<file path=customXml/itemProps2.xml><?xml version="1.0" encoding="utf-8"?>
<ds:datastoreItem xmlns:ds="http://schemas.openxmlformats.org/officeDocument/2006/customXml" ds:itemID="{948BB36B-71A9-429B-9885-FFBF708BB49B}">
  <ds:schemaRefs/>
</ds:datastoreItem>
</file>

<file path=customXml/itemProps20.xml><?xml version="1.0" encoding="utf-8"?>
<ds:datastoreItem xmlns:ds="http://schemas.openxmlformats.org/officeDocument/2006/customXml" ds:itemID="{BDE53075-A4C4-6242-AF89-0EAED24AB164}">
  <ds:schemaRefs/>
</ds:datastoreItem>
</file>

<file path=customXml/itemProps21.xml><?xml version="1.0" encoding="utf-8"?>
<ds:datastoreItem xmlns:ds="http://schemas.openxmlformats.org/officeDocument/2006/customXml" ds:itemID="{6CEFF789-A23B-401B-9462-C64BF7278733}">
  <ds:schemaRefs/>
</ds:datastoreItem>
</file>

<file path=customXml/itemProps22.xml><?xml version="1.0" encoding="utf-8"?>
<ds:datastoreItem xmlns:ds="http://schemas.openxmlformats.org/officeDocument/2006/customXml" ds:itemID="{38EFA75D-25CC-45EF-BB4F-97A99DC354F2}">
  <ds:schemaRefs/>
</ds:datastoreItem>
</file>

<file path=customXml/itemProps23.xml><?xml version="1.0" encoding="utf-8"?>
<ds:datastoreItem xmlns:ds="http://schemas.openxmlformats.org/officeDocument/2006/customXml" ds:itemID="{33F99190-F026-4C43-8AAB-DCB12C92938D}">
  <ds:schemaRefs/>
</ds:datastoreItem>
</file>

<file path=customXml/itemProps24.xml><?xml version="1.0" encoding="utf-8"?>
<ds:datastoreItem xmlns:ds="http://schemas.openxmlformats.org/officeDocument/2006/customXml" ds:itemID="{344CBAED-8994-428E-A4D7-C25533312B2B}">
  <ds:schemaRefs/>
</ds:datastoreItem>
</file>

<file path=customXml/itemProps25.xml><?xml version="1.0" encoding="utf-8"?>
<ds:datastoreItem xmlns:ds="http://schemas.openxmlformats.org/officeDocument/2006/customXml" ds:itemID="{56587B60-1E8D-D847-B676-06B885D65271}">
  <ds:schemaRefs/>
</ds:datastoreItem>
</file>

<file path=customXml/itemProps26.xml><?xml version="1.0" encoding="utf-8"?>
<ds:datastoreItem xmlns:ds="http://schemas.openxmlformats.org/officeDocument/2006/customXml" ds:itemID="{C65747F3-7888-45C0-BE0D-78BA58C82F71}">
  <ds:schemaRefs/>
</ds:datastoreItem>
</file>

<file path=customXml/itemProps27.xml><?xml version="1.0" encoding="utf-8"?>
<ds:datastoreItem xmlns:ds="http://schemas.openxmlformats.org/officeDocument/2006/customXml" ds:itemID="{1F2F3851-E555-4BC2-9F79-055C879C7060}">
  <ds:schemaRefs/>
</ds:datastoreItem>
</file>

<file path=customXml/itemProps28.xml><?xml version="1.0" encoding="utf-8"?>
<ds:datastoreItem xmlns:ds="http://schemas.openxmlformats.org/officeDocument/2006/customXml" ds:itemID="{5AF43165-61DE-42A0-97B5-B420CC8C00F8}">
  <ds:schemaRefs/>
</ds:datastoreItem>
</file>

<file path=customXml/itemProps29.xml><?xml version="1.0" encoding="utf-8"?>
<ds:datastoreItem xmlns:ds="http://schemas.openxmlformats.org/officeDocument/2006/customXml" ds:itemID="{5CC1AE5C-8D7A-4B3C-ACB6-5D396598A47E}">
  <ds:schemaRefs/>
</ds:datastoreItem>
</file>

<file path=customXml/itemProps3.xml><?xml version="1.0" encoding="utf-8"?>
<ds:datastoreItem xmlns:ds="http://schemas.openxmlformats.org/officeDocument/2006/customXml" ds:itemID="{83C4721E-C0C7-4286-83E6-977C2BE2E5A6}">
  <ds:schemaRefs/>
</ds:datastoreItem>
</file>

<file path=customXml/itemProps4.xml><?xml version="1.0" encoding="utf-8"?>
<ds:datastoreItem xmlns:ds="http://schemas.openxmlformats.org/officeDocument/2006/customXml" ds:itemID="{51D584A7-2471-43BE-A5E6-71ED8ED54C8C}">
  <ds:schemaRefs/>
</ds:datastoreItem>
</file>

<file path=customXml/itemProps5.xml><?xml version="1.0" encoding="utf-8"?>
<ds:datastoreItem xmlns:ds="http://schemas.openxmlformats.org/officeDocument/2006/customXml" ds:itemID="{9880BF9D-00D8-0E4E-B3F9-5CF5953B7111}">
  <ds:schemaRefs/>
</ds:datastoreItem>
</file>

<file path=customXml/itemProps6.xml><?xml version="1.0" encoding="utf-8"?>
<ds:datastoreItem xmlns:ds="http://schemas.openxmlformats.org/officeDocument/2006/customXml" ds:itemID="{082EC18B-00E6-4651-979D-73DF6FC78ED0}">
  <ds:schemaRefs/>
</ds:datastoreItem>
</file>

<file path=customXml/itemProps7.xml><?xml version="1.0" encoding="utf-8"?>
<ds:datastoreItem xmlns:ds="http://schemas.openxmlformats.org/officeDocument/2006/customXml" ds:itemID="{70E24464-C037-4907-B2CB-AABDA7BA5EE0}">
  <ds:schemaRefs/>
</ds:datastoreItem>
</file>

<file path=customXml/itemProps8.xml><?xml version="1.0" encoding="utf-8"?>
<ds:datastoreItem xmlns:ds="http://schemas.openxmlformats.org/officeDocument/2006/customXml" ds:itemID="{98667D98-D9E5-4B53-B214-BFE2A45B1A30}">
  <ds:schemaRefs/>
</ds:datastoreItem>
</file>

<file path=customXml/itemProps9.xml><?xml version="1.0" encoding="utf-8"?>
<ds:datastoreItem xmlns:ds="http://schemas.openxmlformats.org/officeDocument/2006/customXml" ds:itemID="{F0372578-B1A1-412F-9984-3124C1B49FD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DIDAS 2023 GREY</Template>
  <TotalTime>0</TotalTime>
  <Words>2444</Words>
  <Application>WPS Presentation</Application>
  <PresentationFormat>Custom</PresentationFormat>
  <Paragraphs>168</Paragraphs>
  <Slides>13</Slides>
  <Notes>10</Notes>
  <HiddenSlides>0</HiddenSlides>
  <MMClips>0</MMClips>
  <ScaleCrop>false</ScaleCrop>
  <HeadingPairs>
    <vt:vector size="6" baseType="variant">
      <vt:variant>
        <vt:lpstr>已用的字体</vt:lpstr>
      </vt:variant>
      <vt:variant>
        <vt:i4>13</vt:i4>
      </vt:variant>
      <vt:variant>
        <vt:lpstr>主题</vt:lpstr>
      </vt:variant>
      <vt:variant>
        <vt:i4>7</vt:i4>
      </vt:variant>
      <vt:variant>
        <vt:lpstr>幻灯片标题</vt:lpstr>
      </vt:variant>
      <vt:variant>
        <vt:i4>13</vt:i4>
      </vt:variant>
    </vt:vector>
  </HeadingPairs>
  <TitlesOfParts>
    <vt:vector size="33" baseType="lpstr">
      <vt:lpstr>Arial</vt:lpstr>
      <vt:lpstr>SimSun</vt:lpstr>
      <vt:lpstr>Wingdings</vt:lpstr>
      <vt:lpstr>adidasFG</vt:lpstr>
      <vt:lpstr>苹方-简</vt:lpstr>
      <vt:lpstr>adidasFG Compressed</vt:lpstr>
      <vt:lpstr>Denton Light</vt:lpstr>
      <vt:lpstr>Microsoft YaHei</vt:lpstr>
      <vt:lpstr>汉仪旗黑</vt:lpstr>
      <vt:lpstr>Arial Unicode MS</vt:lpstr>
      <vt:lpstr>宋体-简</vt:lpstr>
      <vt:lpstr>Wingdings</vt:lpstr>
      <vt:lpstr>Apple Color Emoji</vt:lpstr>
      <vt:lpstr>ADIDAS 2023 GREY</vt:lpstr>
      <vt:lpstr>ADIDAS 2023 NEUTRALS</vt:lpstr>
      <vt:lpstr>ADIDAS 2023 STRATEGY BLUE</vt:lpstr>
      <vt:lpstr>ADIDAS 2023 SEMI LUCID BLUE</vt:lpstr>
      <vt:lpstr>ADIDAS 2023 SEMI LUCID RED</vt:lpstr>
      <vt:lpstr>ADIDAS 2023 YELLOW</vt:lpstr>
      <vt:lpstr>ADIDAS 2023 PULS LIME</vt:lpstr>
      <vt:lpstr>Recommendation System</vt:lpstr>
      <vt:lpstr>PowerPoint 演示文稿</vt:lpstr>
      <vt:lpstr>Introduction</vt:lpstr>
      <vt:lpstr>PROBLEM STATEMENT</vt:lpstr>
      <vt:lpstr>BUSINESS PROBLEM</vt:lpstr>
      <vt:lpstr>Preprocessing</vt:lpstr>
      <vt:lpstr>Training</vt:lpstr>
      <vt:lpstr>POST processing</vt:lpstr>
      <vt:lpstr>EVALUATION METRICS</vt:lpstr>
      <vt:lpstr>DEPLOYMENT</vt:lpstr>
      <vt:lpstr>PowerPoint 演示文稿</vt:lpstr>
      <vt:lpstr>Real Time Inferencing as API</vt:lpstr>
      <vt:lpstr>Thank you</vt:lpstr>
    </vt:vector>
  </TitlesOfParts>
  <LinksUpToDate>false</LinksUpToDate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Gupta, Yash</dc:creator>
  <cp:lastModifiedBy>Yash Gupta</cp:lastModifiedBy>
  <cp:revision>60</cp:revision>
  <dcterms:created xsi:type="dcterms:W3CDTF">2025-10-29T08:16:04Z</dcterms:created>
  <dcterms:modified xsi:type="dcterms:W3CDTF">2025-10-29T08:16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8D7A4BF20AE2DF44BB1E4D900459DA4C</vt:lpwstr>
  </property>
  <property fmtid="{D5CDD505-2E9C-101B-9397-08002B2CF9AE}" pid="3" name="TemplafyTimeStamp">
    <vt:lpwstr>2024-10-10T14:06:35</vt:lpwstr>
  </property>
  <property fmtid="{D5CDD505-2E9C-101B-9397-08002B2CF9AE}" pid="4" name="TemplafyTenantId">
    <vt:lpwstr>adidas</vt:lpwstr>
  </property>
  <property fmtid="{D5CDD505-2E9C-101B-9397-08002B2CF9AE}" pid="5" name="TemplafyTemplateId">
    <vt:lpwstr>1023147058501779742</vt:lpwstr>
  </property>
  <property fmtid="{D5CDD505-2E9C-101B-9397-08002B2CF9AE}" pid="6" name="TemplafyUserProfileId">
    <vt:lpwstr>637816251070542510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  <property fmtid="{D5CDD505-2E9C-101B-9397-08002B2CF9AE}" pid="9" name="ICV">
    <vt:lpwstr>47A607A0578FED66A2A8016928598F29_42</vt:lpwstr>
  </property>
  <property fmtid="{D5CDD505-2E9C-101B-9397-08002B2CF9AE}" pid="10" name="KSOProductBuildVer">
    <vt:lpwstr>1033-12.1.22531.22531</vt:lpwstr>
  </property>
</Properties>
</file>